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Masters/slideMaster5.xml" ContentType="application/vnd.openxmlformats-officedocument.presentationml.slideMaster+xml"/>
  <Override PartName="/ppt/slideMasters/slideMaster6.xml" ContentType="application/vnd.openxmlformats-officedocument.presentationml.slideMaster+xml"/>
  <Override PartName="/ppt/slideMasters/slideMaster7.xml" ContentType="application/vnd.openxmlformats-officedocument.presentationml.slideMaster+xml"/>
  <Override PartName="/ppt/slideMasters/slideMaster8.xml" ContentType="application/vnd.openxmlformats-officedocument.presentationml.slideMaster+xml"/>
  <Override PartName="/ppt/slideMasters/slideMaster9.xml" ContentType="application/vnd.openxmlformats-officedocument.presentationml.slideMaster+xml"/>
  <Override PartName="/ppt/slideMasters/slideMaster10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theme/theme2.xml" ContentType="application/vnd.openxmlformats-officedocument.theme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theme/theme3.xml" ContentType="application/vnd.openxmlformats-officedocument.theme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theme/theme4.xml" ContentType="application/vnd.openxmlformats-officedocument.theme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theme/theme5.xml" ContentType="application/vnd.openxmlformats-officedocument.theme+xml"/>
  <Override PartName="/ppt/slideLayouts/slideLayout58.xml" ContentType="application/vnd.openxmlformats-officedocument.presentationml.slideLayout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slideLayouts/slideLayout65.xml" ContentType="application/vnd.openxmlformats-officedocument.presentationml.slideLayout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theme/theme6.xml" ContentType="application/vnd.openxmlformats-officedocument.theme+xml"/>
  <Override PartName="/ppt/slideLayouts/slideLayout70.xml" ContentType="application/vnd.openxmlformats-officedocument.presentationml.slideLayout+xml"/>
  <Override PartName="/ppt/slideLayouts/slideLayout71.xml" ContentType="application/vnd.openxmlformats-officedocument.presentationml.slideLayout+xml"/>
  <Override PartName="/ppt/slideLayouts/slideLayout72.xml" ContentType="application/vnd.openxmlformats-officedocument.presentationml.slideLayout+xml"/>
  <Override PartName="/ppt/slideLayouts/slideLayout73.xml" ContentType="application/vnd.openxmlformats-officedocument.presentationml.slideLayout+xml"/>
  <Override PartName="/ppt/slideLayouts/slideLayout74.xml" ContentType="application/vnd.openxmlformats-officedocument.presentationml.slideLayout+xml"/>
  <Override PartName="/ppt/slideLayouts/slideLayout75.xml" ContentType="application/vnd.openxmlformats-officedocument.presentationml.slideLayout+xml"/>
  <Override PartName="/ppt/slideLayouts/slideLayout76.xml" ContentType="application/vnd.openxmlformats-officedocument.presentationml.slideLayout+xml"/>
  <Override PartName="/ppt/slideLayouts/slideLayout77.xml" ContentType="application/vnd.openxmlformats-officedocument.presentationml.slideLayout+xml"/>
  <Override PartName="/ppt/slideLayouts/slideLayout78.xml" ContentType="application/vnd.openxmlformats-officedocument.presentationml.slideLayout+xml"/>
  <Override PartName="/ppt/slideLayouts/slideLayout79.xml" ContentType="application/vnd.openxmlformats-officedocument.presentationml.slideLayout+xml"/>
  <Override PartName="/ppt/slideLayouts/slideLayout80.xml" ContentType="application/vnd.openxmlformats-officedocument.presentationml.slideLayout+xml"/>
  <Override PartName="/ppt/theme/theme7.xml" ContentType="application/vnd.openxmlformats-officedocument.theme+xml"/>
  <Override PartName="/ppt/slideLayouts/slideLayout81.xml" ContentType="application/vnd.openxmlformats-officedocument.presentationml.slideLayout+xml"/>
  <Override PartName="/ppt/slideLayouts/slideLayout82.xml" ContentType="application/vnd.openxmlformats-officedocument.presentationml.slideLayout+xml"/>
  <Override PartName="/ppt/slideLayouts/slideLayout83.xml" ContentType="application/vnd.openxmlformats-officedocument.presentationml.slideLayout+xml"/>
  <Override PartName="/ppt/slideLayouts/slideLayout84.xml" ContentType="application/vnd.openxmlformats-officedocument.presentationml.slideLayout+xml"/>
  <Override PartName="/ppt/slideLayouts/slideLayout85.xml" ContentType="application/vnd.openxmlformats-officedocument.presentationml.slideLayout+xml"/>
  <Override PartName="/ppt/slideLayouts/slideLayout86.xml" ContentType="application/vnd.openxmlformats-officedocument.presentationml.slideLayout+xml"/>
  <Override PartName="/ppt/slideLayouts/slideLayout87.xml" ContentType="application/vnd.openxmlformats-officedocument.presentationml.slideLayout+xml"/>
  <Override PartName="/ppt/slideLayouts/slideLayout88.xml" ContentType="application/vnd.openxmlformats-officedocument.presentationml.slideLayout+xml"/>
  <Override PartName="/ppt/slideLayouts/slideLayout89.xml" ContentType="application/vnd.openxmlformats-officedocument.presentationml.slideLayout+xml"/>
  <Override PartName="/ppt/slideLayouts/slideLayout90.xml" ContentType="application/vnd.openxmlformats-officedocument.presentationml.slideLayout+xml"/>
  <Override PartName="/ppt/slideLayouts/slideLayout91.xml" ContentType="application/vnd.openxmlformats-officedocument.presentationml.slideLayout+xml"/>
  <Override PartName="/ppt/slideLayouts/slideLayout92.xml" ContentType="application/vnd.openxmlformats-officedocument.presentationml.slideLayout+xml"/>
  <Override PartName="/ppt/slideLayouts/slideLayout93.xml" ContentType="application/vnd.openxmlformats-officedocument.presentationml.slideLayout+xml"/>
  <Override PartName="/ppt/slideLayouts/slideLayout94.xml" ContentType="application/vnd.openxmlformats-officedocument.presentationml.slideLayout+xml"/>
  <Override PartName="/ppt/slideLayouts/slideLayout95.xml" ContentType="application/vnd.openxmlformats-officedocument.presentationml.slideLayout+xml"/>
  <Override PartName="/ppt/slideLayouts/slideLayout96.xml" ContentType="application/vnd.openxmlformats-officedocument.presentationml.slideLayout+xml"/>
  <Override PartName="/ppt/slideLayouts/slideLayout97.xml" ContentType="application/vnd.openxmlformats-officedocument.presentationml.slideLayout+xml"/>
  <Override PartName="/ppt/slideLayouts/slideLayout98.xml" ContentType="application/vnd.openxmlformats-officedocument.presentationml.slideLayout+xml"/>
  <Override PartName="/ppt/slideLayouts/slideLayout99.xml" ContentType="application/vnd.openxmlformats-officedocument.presentationml.slideLayout+xml"/>
  <Override PartName="/ppt/theme/theme8.xml" ContentType="application/vnd.openxmlformats-officedocument.theme+xml"/>
  <Override PartName="/ppt/slideLayouts/slideLayout100.xml" ContentType="application/vnd.openxmlformats-officedocument.presentationml.slideLayout+xml"/>
  <Override PartName="/ppt/slideLayouts/slideLayout101.xml" ContentType="application/vnd.openxmlformats-officedocument.presentationml.slideLayout+xml"/>
  <Override PartName="/ppt/slideLayouts/slideLayout102.xml" ContentType="application/vnd.openxmlformats-officedocument.presentationml.slideLayout+xml"/>
  <Override PartName="/ppt/slideLayouts/slideLayout103.xml" ContentType="application/vnd.openxmlformats-officedocument.presentationml.slideLayout+xml"/>
  <Override PartName="/ppt/slideLayouts/slideLayout104.xml" ContentType="application/vnd.openxmlformats-officedocument.presentationml.slideLayout+xml"/>
  <Override PartName="/ppt/slideLayouts/slideLayout105.xml" ContentType="application/vnd.openxmlformats-officedocument.presentationml.slideLayout+xml"/>
  <Override PartName="/ppt/slideLayouts/slideLayout106.xml" ContentType="application/vnd.openxmlformats-officedocument.presentationml.slideLayout+xml"/>
  <Override PartName="/ppt/slideLayouts/slideLayout107.xml" ContentType="application/vnd.openxmlformats-officedocument.presentationml.slideLayout+xml"/>
  <Override PartName="/ppt/slideLayouts/slideLayout108.xml" ContentType="application/vnd.openxmlformats-officedocument.presentationml.slideLayout+xml"/>
  <Override PartName="/ppt/slideLayouts/slideLayout109.xml" ContentType="application/vnd.openxmlformats-officedocument.presentationml.slideLayout+xml"/>
  <Override PartName="/ppt/slideLayouts/slideLayout110.xml" ContentType="application/vnd.openxmlformats-officedocument.presentationml.slideLayout+xml"/>
  <Override PartName="/ppt/theme/theme9.xml" ContentType="application/vnd.openxmlformats-officedocument.theme+xml"/>
  <Override PartName="/ppt/slideLayouts/slideLayout111.xml" ContentType="application/vnd.openxmlformats-officedocument.presentationml.slideLayout+xml"/>
  <Override PartName="/ppt/slideLayouts/slideLayout112.xml" ContentType="application/vnd.openxmlformats-officedocument.presentationml.slideLayout+xml"/>
  <Override PartName="/ppt/slideLayouts/slideLayout113.xml" ContentType="application/vnd.openxmlformats-officedocument.presentationml.slideLayout+xml"/>
  <Override PartName="/ppt/slideLayouts/slideLayout114.xml" ContentType="application/vnd.openxmlformats-officedocument.presentationml.slideLayout+xml"/>
  <Override PartName="/ppt/slideLayouts/slideLayout115.xml" ContentType="application/vnd.openxmlformats-officedocument.presentationml.slideLayout+xml"/>
  <Override PartName="/ppt/slideLayouts/slideLayout116.xml" ContentType="application/vnd.openxmlformats-officedocument.presentationml.slideLayout+xml"/>
  <Override PartName="/ppt/slideLayouts/slideLayout117.xml" ContentType="application/vnd.openxmlformats-officedocument.presentationml.slideLayout+xml"/>
  <Override PartName="/ppt/slideLayouts/slideLayout118.xml" ContentType="application/vnd.openxmlformats-officedocument.presentationml.slideLayout+xml"/>
  <Override PartName="/ppt/slideLayouts/slideLayout119.xml" ContentType="application/vnd.openxmlformats-officedocument.presentationml.slideLayout+xml"/>
  <Override PartName="/ppt/slideLayouts/slideLayout120.xml" ContentType="application/vnd.openxmlformats-officedocument.presentationml.slideLayout+xml"/>
  <Override PartName="/ppt/slideLayouts/slideLayout121.xml" ContentType="application/vnd.openxmlformats-officedocument.presentationml.slideLayout+xml"/>
  <Override PartName="/ppt/theme/theme10.xml" ContentType="application/vnd.openxmlformats-officedocument.theme+xml"/>
  <Override PartName="/ppt/theme/theme11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  <p:sldMasterId id="2147483685" r:id="rId2"/>
    <p:sldMasterId id="2147483710" r:id="rId3"/>
    <p:sldMasterId id="2147483735" r:id="rId4"/>
    <p:sldMasterId id="2147483747" r:id="rId5"/>
    <p:sldMasterId id="2147483762" r:id="rId6"/>
    <p:sldMasterId id="2147483775" r:id="rId7"/>
    <p:sldMasterId id="2147483787" r:id="rId8"/>
    <p:sldMasterId id="2147483807" r:id="rId9"/>
    <p:sldMasterId id="2147483819" r:id="rId10"/>
  </p:sldMasterIdLst>
  <p:notesMasterIdLst>
    <p:notesMasterId r:id="rId25"/>
  </p:notesMasterIdLst>
  <p:sldIdLst>
    <p:sldId id="257" r:id="rId11"/>
    <p:sldId id="278" r:id="rId12"/>
    <p:sldId id="279" r:id="rId13"/>
    <p:sldId id="280" r:id="rId14"/>
    <p:sldId id="281" r:id="rId15"/>
    <p:sldId id="261" r:id="rId16"/>
    <p:sldId id="282" r:id="rId17"/>
    <p:sldId id="264" r:id="rId18"/>
    <p:sldId id="284" r:id="rId19"/>
    <p:sldId id="267" r:id="rId20"/>
    <p:sldId id="268" r:id="rId21"/>
    <p:sldId id="285" r:id="rId22"/>
    <p:sldId id="283" r:id="rId23"/>
    <p:sldId id="391" r:id="rId24"/>
  </p:sldIdLst>
  <p:sldSz cx="12192000" cy="6858000"/>
  <p:notesSz cx="6858000" cy="9144000"/>
  <p:custDataLst>
    <p:tags r:id="rId26"/>
  </p:custDataLst>
  <p:defaultTextStyle>
    <a:defPPr>
      <a:defRPr lang="tr-T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54" d="100"/>
          <a:sy n="54" d="100"/>
        </p:scale>
        <p:origin x="1124" y="5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Master" Target="slideMasters/slideMaster8.xml"/><Relationship Id="rId13" Type="http://schemas.openxmlformats.org/officeDocument/2006/relationships/slide" Target="slides/slide3.xml"/><Relationship Id="rId18" Type="http://schemas.openxmlformats.org/officeDocument/2006/relationships/slide" Target="slides/slide8.xml"/><Relationship Id="rId26" Type="http://schemas.openxmlformats.org/officeDocument/2006/relationships/tags" Target="tags/tag1.xml"/><Relationship Id="rId3" Type="http://schemas.openxmlformats.org/officeDocument/2006/relationships/slideMaster" Target="slideMasters/slideMaster3.xml"/><Relationship Id="rId21" Type="http://schemas.openxmlformats.org/officeDocument/2006/relationships/slide" Target="slides/slide11.xml"/><Relationship Id="rId7" Type="http://schemas.openxmlformats.org/officeDocument/2006/relationships/slideMaster" Target="slideMasters/slideMaster7.xml"/><Relationship Id="rId12" Type="http://schemas.openxmlformats.org/officeDocument/2006/relationships/slide" Target="slides/slide2.xml"/><Relationship Id="rId17" Type="http://schemas.openxmlformats.org/officeDocument/2006/relationships/slide" Target="slides/slide7.xml"/><Relationship Id="rId25" Type="http://schemas.openxmlformats.org/officeDocument/2006/relationships/notesMaster" Target="notesMasters/notesMaster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6.xml"/><Relationship Id="rId20" Type="http://schemas.openxmlformats.org/officeDocument/2006/relationships/slide" Target="slides/slide10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Master" Target="slideMasters/slideMaster6.xml"/><Relationship Id="rId11" Type="http://schemas.openxmlformats.org/officeDocument/2006/relationships/slide" Target="slides/slide1.xml"/><Relationship Id="rId24" Type="http://schemas.openxmlformats.org/officeDocument/2006/relationships/slide" Target="slides/slide14.xml"/><Relationship Id="rId5" Type="http://schemas.openxmlformats.org/officeDocument/2006/relationships/slideMaster" Target="slideMasters/slideMaster5.xml"/><Relationship Id="rId15" Type="http://schemas.openxmlformats.org/officeDocument/2006/relationships/slide" Target="slides/slide5.xml"/><Relationship Id="rId23" Type="http://schemas.openxmlformats.org/officeDocument/2006/relationships/slide" Target="slides/slide13.xml"/><Relationship Id="rId28" Type="http://schemas.openxmlformats.org/officeDocument/2006/relationships/viewProps" Target="viewProps.xml"/><Relationship Id="rId10" Type="http://schemas.openxmlformats.org/officeDocument/2006/relationships/slideMaster" Target="slideMasters/slideMaster10.xml"/><Relationship Id="rId19" Type="http://schemas.openxmlformats.org/officeDocument/2006/relationships/slide" Target="slides/slide9.xml"/><Relationship Id="rId4" Type="http://schemas.openxmlformats.org/officeDocument/2006/relationships/slideMaster" Target="slideMasters/slideMaster4.xml"/><Relationship Id="rId9" Type="http://schemas.openxmlformats.org/officeDocument/2006/relationships/slideMaster" Target="slideMasters/slideMaster9.xml"/><Relationship Id="rId14" Type="http://schemas.openxmlformats.org/officeDocument/2006/relationships/slide" Target="slides/slide4.xml"/><Relationship Id="rId22" Type="http://schemas.openxmlformats.org/officeDocument/2006/relationships/slide" Target="slides/slide12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11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Üstbilgi Yer Tutucusu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3" name="Veri Yer Tutucusu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29A3BB1-16BB-4E3E-9E2A-04A76BB66BB3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4" name="Slayt Görüntüsü Yer Tutucus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tr-TR"/>
          </a:p>
        </p:txBody>
      </p:sp>
      <p:sp>
        <p:nvSpPr>
          <p:cNvPr id="5" name="Not Yer Tutucusu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173761B-CB35-4DE4-9206-C0DDB7691C3D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06161677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15051068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1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396740182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1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1265312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1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0089943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3B0FB7D-A000-42F1-B4B3-3CF3784CE8A1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3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62040961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58535595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83062707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DF69B0E-AC80-41B1-8E48-78D8612F6BD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6417699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69534424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60156675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Google Shape;1026;g6039a3cf85_1_60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027" name="Google Shape;1027;g6039a3cf85_1_60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4299685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9378051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173761B-CB35-4DE4-9206-C0DDB7691C3D}" type="slidenum">
              <a:rPr lang="tr-TR" smtClean="0"/>
              <a:t>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9051258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0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0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0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0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0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0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0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0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0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0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9.xml"/></Relationships>
</file>

<file path=ppt/slideLayouts/_rels/slideLayout1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5.xml"/></Relationships>
</file>

<file path=ppt/slideLayouts/_rels/slideLayout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5.xml"/></Relationships>
</file>

<file path=ppt/slideLayouts/_rels/slideLayout5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5.xml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9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6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6.xml.rels><?xml version="1.0" encoding="UTF-8" standalone="yes"?>
<Relationships xmlns="http://schemas.openxmlformats.org/package/2006/relationships"><Relationship Id="rId3" Type="http://schemas.openxmlformats.org/officeDocument/2006/relationships/hyperlink" Target="http://bit.ly/2TyoMsr" TargetMode="External"/><Relationship Id="rId2" Type="http://schemas.openxmlformats.org/officeDocument/2006/relationships/hyperlink" Target="http://bit.ly/2Tynxth" TargetMode="External"/><Relationship Id="rId1" Type="http://schemas.openxmlformats.org/officeDocument/2006/relationships/slideMaster" Target="../slideMasters/slideMaster8.xml"/><Relationship Id="rId4" Type="http://schemas.openxmlformats.org/officeDocument/2006/relationships/hyperlink" Target="http://bit.ly/2TtBDfr" TargetMode="External"/></Relationships>
</file>

<file path=ppt/slideLayouts/_rels/slideLayout9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3584191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97810"/>
      </p:ext>
    </p:extLst>
  </p:cSld>
  <p:clrMapOvr>
    <a:masterClrMapping/>
  </p:clrMapOvr>
</p:sldLayout>
</file>

<file path=ppt/slideLayouts/slideLayout10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82102306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5675346" y="6492876"/>
            <a:ext cx="841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2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en-US" altLang="ko-KR" sz="1200" b="0" i="0" u="none" strike="noStrike" kern="1200" cap="none" spc="0" normalizeH="0" baseline="0" noProof="0" smtClean="0">
                <a:ln>
                  <a:noFill/>
                </a:ln>
                <a:solidFill>
                  <a:prstClr val="white">
                    <a:lumMod val="50000"/>
                  </a:prstClr>
                </a:solidFill>
                <a:effectLst/>
                <a:uLnTx/>
                <a:uFillTx/>
                <a:latin typeface="Bahnschrift SemiCondensed" panose="020B0502040204020203" pitchFamily="34" charset="0"/>
                <a:ea typeface="맑은 고딕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altLang="ko-KR" sz="1200" b="0" i="0" u="none" strike="noStrike" kern="1200" cap="none" spc="0" normalizeH="0" baseline="0" noProof="0" dirty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Bahnschrift SemiCondensed" panose="020B0502040204020203" pitchFamily="34" charset="0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583266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7141521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65515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278822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5010944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23365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9456373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565515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278822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5010944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723365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9456373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565515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278822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5010944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723365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9456373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65515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278822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5010944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723365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456373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24012608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194846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Gradi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88835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lumMod val="0"/>
                  <a:lumOff val="100000"/>
                </a:schemeClr>
              </a:gs>
              <a:gs pos="53000">
                <a:schemeClr val="accent5">
                  <a:lumMod val="0"/>
                  <a:lumOff val="100000"/>
                </a:schemeClr>
              </a:gs>
              <a:gs pos="100000">
                <a:schemeClr val="bg1">
                  <a:lumMod val="85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670795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691150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560938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564859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6096000" y="0"/>
            <a:ext cx="6096000" cy="6858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313427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84100432"/>
      </p:ext>
    </p:extLst>
  </p:cSld>
  <p:clrMapOvr>
    <a:masterClrMapping/>
  </p:clrMapOvr>
</p:sldLayout>
</file>

<file path=ppt/slideLayouts/slideLayout1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0"/>
            <a:ext cx="6085840" cy="2495550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0"/>
            <a:ext cx="6106160" cy="2495550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or Comment on the Post.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479040" y="3960495"/>
            <a:ext cx="112776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8575040" y="3960495"/>
            <a:ext cx="1127760" cy="84582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8919211" y="4090461"/>
            <a:ext cx="439420" cy="585891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158728" y="254840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700" marR="0" lvl="0" indent="-26670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04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876370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57200" y="1420283"/>
            <a:ext cx="5181600" cy="980017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914400" y="2590800"/>
            <a:ext cx="4267200" cy="11684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30481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60963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91444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21926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52407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82889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13370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43852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17925049"/>
      </p:ext>
    </p:extLst>
  </p:cSld>
  <p:clrMapOvr>
    <a:masterClrMapping/>
  </p:clrMapOvr>
</p:sldLayout>
</file>

<file path=ppt/slideLayouts/slideLayout11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62138527"/>
      </p:ext>
    </p:extLst>
  </p:cSld>
  <p:clrMapOvr>
    <a:masterClrMapping/>
  </p:clrMapOvr>
</p:sldLayout>
</file>

<file path=ppt/slideLayouts/slideLayout11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1542" y="2937934"/>
            <a:ext cx="5181600" cy="908050"/>
          </a:xfrm>
        </p:spPr>
        <p:txBody>
          <a:bodyPr anchor="t"/>
          <a:lstStyle>
            <a:lvl1pPr algn="l">
              <a:defRPr sz="2667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81542" y="1937809"/>
            <a:ext cx="5181600" cy="1000125"/>
          </a:xfrm>
        </p:spPr>
        <p:txBody>
          <a:bodyPr anchor="b"/>
          <a:lstStyle>
            <a:lvl1pPr marL="0" indent="0">
              <a:buNone/>
              <a:defRPr sz="1333">
                <a:solidFill>
                  <a:schemeClr val="tx1">
                    <a:tint val="75000"/>
                  </a:schemeClr>
                </a:solidFill>
              </a:defRPr>
            </a:lvl1pPr>
            <a:lvl2pPr marL="304815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2pPr>
            <a:lvl3pPr marL="609630" indent="0">
              <a:buNone/>
              <a:defRPr sz="1067">
                <a:solidFill>
                  <a:schemeClr val="tx1">
                    <a:tint val="75000"/>
                  </a:schemeClr>
                </a:solidFill>
              </a:defRPr>
            </a:lvl3pPr>
            <a:lvl4pPr marL="91444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4pPr>
            <a:lvl5pPr marL="121926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5pPr>
            <a:lvl6pPr marL="152407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6pPr>
            <a:lvl7pPr marL="182889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7pPr>
            <a:lvl8pPr marL="2133707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8pPr>
            <a:lvl9pPr marL="2438522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12640486"/>
      </p:ext>
    </p:extLst>
  </p:cSld>
  <p:clrMapOvr>
    <a:masterClrMapping/>
  </p:clrMapOvr>
</p:sldLayout>
</file>

<file path=ppt/slideLayouts/slideLayout11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98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30115558"/>
      </p:ext>
    </p:extLst>
  </p:cSld>
  <p:clrMapOvr>
    <a:masterClrMapping/>
  </p:clrMapOvr>
</p:sldLayout>
</file>

<file path=ppt/slideLayouts/slideLayout11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23409"/>
            <a:ext cx="2693459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4800" y="1449917"/>
            <a:ext cx="2693459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096684" y="1023409"/>
            <a:ext cx="2694517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096684" y="1449917"/>
            <a:ext cx="2694517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2141260"/>
      </p:ext>
    </p:extLst>
  </p:cSld>
  <p:clrMapOvr>
    <a:masterClrMapping/>
  </p:clrMapOvr>
</p:sldLayout>
</file>

<file path=ppt/slideLayouts/slideLayout11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0797889"/>
      </p:ext>
    </p:extLst>
  </p:cSld>
  <p:clrMapOvr>
    <a:masterClrMapping/>
  </p:clrMapOvr>
</p:sldLayout>
</file>

<file path=ppt/slideLayouts/slideLayout1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32209973"/>
      </p:ext>
    </p:extLst>
  </p:cSld>
  <p:clrMapOvr>
    <a:masterClrMapping/>
  </p:clrMapOvr>
</p:sldLayout>
</file>

<file path=ppt/slideLayouts/slideLayout11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4800" y="182033"/>
            <a:ext cx="2005542" cy="774700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383367" y="182034"/>
            <a:ext cx="3407833" cy="3902075"/>
          </a:xfrm>
        </p:spPr>
        <p:txBody>
          <a:bodyPr/>
          <a:lstStyle>
            <a:lvl1pPr>
              <a:defRPr sz="2133"/>
            </a:lvl1pPr>
            <a:lvl2pPr>
              <a:defRPr sz="1867"/>
            </a:lvl2pPr>
            <a:lvl3pPr>
              <a:defRPr sz="1600"/>
            </a:lvl3pPr>
            <a:lvl4pPr>
              <a:defRPr sz="1333"/>
            </a:lvl4pPr>
            <a:lvl5pPr>
              <a:defRPr sz="1333"/>
            </a:lvl5pPr>
            <a:lvl6pPr>
              <a:defRPr sz="1333"/>
            </a:lvl6pPr>
            <a:lvl7pPr>
              <a:defRPr sz="1333"/>
            </a:lvl7pPr>
            <a:lvl8pPr>
              <a:defRPr sz="1333"/>
            </a:lvl8pPr>
            <a:lvl9pPr>
              <a:defRPr sz="1333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304800" y="956734"/>
            <a:ext cx="2005542" cy="31273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13992245"/>
      </p:ext>
    </p:extLst>
  </p:cSld>
  <p:clrMapOvr>
    <a:masterClrMapping/>
  </p:clrMapOvr>
</p:sldLayout>
</file>

<file path=ppt/slideLayouts/slideLayout11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4859" y="3200400"/>
            <a:ext cx="3657600" cy="377825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194859" y="408517"/>
            <a:ext cx="3657600" cy="2743200"/>
          </a:xfrm>
        </p:spPr>
        <p:txBody>
          <a:bodyPr/>
          <a:lstStyle>
            <a:lvl1pPr marL="0" indent="0">
              <a:buNone/>
              <a:defRPr sz="2133"/>
            </a:lvl1pPr>
            <a:lvl2pPr marL="304815" indent="0">
              <a:buNone/>
              <a:defRPr sz="1867"/>
            </a:lvl2pPr>
            <a:lvl3pPr marL="609630" indent="0">
              <a:buNone/>
              <a:defRPr sz="1600"/>
            </a:lvl3pPr>
            <a:lvl4pPr marL="914446" indent="0">
              <a:buNone/>
              <a:defRPr sz="1333"/>
            </a:lvl4pPr>
            <a:lvl5pPr marL="1219261" indent="0">
              <a:buNone/>
              <a:defRPr sz="1333"/>
            </a:lvl5pPr>
            <a:lvl6pPr marL="1524076" indent="0">
              <a:buNone/>
              <a:defRPr sz="1333"/>
            </a:lvl6pPr>
            <a:lvl7pPr marL="1828891" indent="0">
              <a:buNone/>
              <a:defRPr sz="1333"/>
            </a:lvl7pPr>
            <a:lvl8pPr marL="2133707" indent="0">
              <a:buNone/>
              <a:defRPr sz="1333"/>
            </a:lvl8pPr>
            <a:lvl9pPr marL="2438522" indent="0">
              <a:buNone/>
              <a:defRPr sz="1333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94859" y="3578225"/>
            <a:ext cx="3657600" cy="5365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35938653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0727371"/>
      </p:ext>
    </p:extLst>
  </p:cSld>
  <p:clrMapOvr>
    <a:masterClrMapping/>
  </p:clrMapOvr>
</p:sldLayout>
</file>

<file path=ppt/slideLayouts/slideLayout12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88263373"/>
      </p:ext>
    </p:extLst>
  </p:cSld>
  <p:clrMapOvr>
    <a:masterClrMapping/>
  </p:clrMapOvr>
</p:sldLayout>
</file>

<file path=ppt/slideLayouts/slideLayout1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4419600" y="183092"/>
            <a:ext cx="1371600" cy="3901017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304800" y="183092"/>
            <a:ext cx="4013200" cy="3901017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14213470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1284200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39166122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7519566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35019758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6625531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03370941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1037150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85014854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16485572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03272380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18162893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13355636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25933697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81226583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97774909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1311712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39599234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5848170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83012959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54858397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11825535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68535053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51701249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06481772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707257792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79944781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09438659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60983303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4014458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28780216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85072726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86934182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96798246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791563253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678244039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genda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825078966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 userDrawn="1"/>
        </p:nvGrpSpPr>
        <p:grpSpPr>
          <a:xfrm>
            <a:off x="3791744" y="502830"/>
            <a:ext cx="4608512" cy="4620329"/>
            <a:chOff x="1115616" y="1275607"/>
            <a:chExt cx="2585656" cy="2592286"/>
          </a:xfrm>
        </p:grpSpPr>
        <p:pic>
          <p:nvPicPr>
            <p:cNvPr id="5" name="Picture 2" descr="E:\002-KIMS BUSINESS\007-02-Googleslidesppt\02-GSppt-Contents-Kim\20170215\03-abs\item01-png.png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115616" y="1275607"/>
              <a:ext cx="2585656" cy="259228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6" name="Oval 5"/>
            <p:cNvSpPr/>
            <p:nvPr userDrawn="1"/>
          </p:nvSpPr>
          <p:spPr>
            <a:xfrm>
              <a:off x="1796376" y="1959682"/>
              <a:ext cx="1224136" cy="1224136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  <a:effectLst>
              <a:innerShdw blurRad="63500" dist="38100" dir="18900000">
                <a:prstClr val="black">
                  <a:alpha val="29000"/>
                </a:prstClr>
              </a:inn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</p:grp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3772131" y="5106393"/>
            <a:ext cx="4608512" cy="76808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1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Welcome!!</a:t>
            </a: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3771933" y="5925277"/>
            <a:ext cx="4608512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071994490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605753968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259904921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1151424" y="2133096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6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3789508" y="2129832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6446311" y="2129832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8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9102681" y="2133096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2" name="Block Arc 1"/>
          <p:cNvSpPr/>
          <p:nvPr userDrawn="1"/>
        </p:nvSpPr>
        <p:spPr>
          <a:xfrm>
            <a:off x="911424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2" name="Block Arc 11"/>
          <p:cNvSpPr/>
          <p:nvPr userDrawn="1"/>
        </p:nvSpPr>
        <p:spPr>
          <a:xfrm>
            <a:off x="3561843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3" name="Block Arc 12"/>
          <p:cNvSpPr/>
          <p:nvPr userDrawn="1"/>
        </p:nvSpPr>
        <p:spPr>
          <a:xfrm>
            <a:off x="6212261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4" name="Block Arc 13"/>
          <p:cNvSpPr/>
          <p:nvPr userDrawn="1"/>
        </p:nvSpPr>
        <p:spPr>
          <a:xfrm>
            <a:off x="8862681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7" name="Text Placeholder 9">
            <a:extLst>
              <a:ext uri="{FF2B5EF4-FFF2-40B4-BE49-F238E27FC236}">
                <a16:creationId xmlns:a16="http://schemas.microsoft.com/office/drawing/2014/main" id="{EDBECCA6-8618-46C3-A8D4-3B6399CCEF88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8" name="Text Placeholder 9">
            <a:extLst>
              <a:ext uri="{FF2B5EF4-FFF2-40B4-BE49-F238E27FC236}">
                <a16:creationId xmlns:a16="http://schemas.microsoft.com/office/drawing/2014/main" id="{1D40A599-6D66-4DC9-82BB-52C171B56BB6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71717331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41003715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con sets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CON SETS LAYOUT</a:t>
            </a:r>
          </a:p>
        </p:txBody>
      </p:sp>
      <p:grpSp>
        <p:nvGrpSpPr>
          <p:cNvPr id="5" name="Group 4"/>
          <p:cNvGrpSpPr/>
          <p:nvPr userDrawn="1"/>
        </p:nvGrpSpPr>
        <p:grpSpPr>
          <a:xfrm>
            <a:off x="472011" y="1508786"/>
            <a:ext cx="3799787" cy="4865561"/>
            <a:chOff x="354008" y="1131589"/>
            <a:chExt cx="2849840" cy="3649171"/>
          </a:xfrm>
        </p:grpSpPr>
        <p:sp>
          <p:nvSpPr>
            <p:cNvPr id="6" name="Rounded Rectangle 5"/>
            <p:cNvSpPr/>
            <p:nvPr/>
          </p:nvSpPr>
          <p:spPr>
            <a:xfrm>
              <a:off x="354008" y="1131589"/>
              <a:ext cx="2849840" cy="3649171"/>
            </a:xfrm>
            <a:prstGeom prst="roundRect">
              <a:avLst>
                <a:gd name="adj" fmla="val 3968"/>
              </a:avLst>
            </a:prstGeom>
            <a:solidFill>
              <a:schemeClr val="accent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  <p:sp>
          <p:nvSpPr>
            <p:cNvPr id="9" name="Rounded Rectangle 8"/>
            <p:cNvSpPr/>
            <p:nvPr/>
          </p:nvSpPr>
          <p:spPr>
            <a:xfrm>
              <a:off x="531932" y="1347500"/>
              <a:ext cx="108520" cy="3240473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41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  <p:sp>
          <p:nvSpPr>
            <p:cNvPr id="12" name="Half Frame 11"/>
            <p:cNvSpPr/>
            <p:nvPr/>
          </p:nvSpPr>
          <p:spPr>
            <a:xfrm rot="5400000">
              <a:off x="2592642" y="1238201"/>
              <a:ext cx="502331" cy="502331"/>
            </a:xfrm>
            <a:prstGeom prst="halfFrame">
              <a:avLst>
                <a:gd name="adj1" fmla="val 23728"/>
                <a:gd name="adj2" fmla="val 24642"/>
              </a:avLst>
            </a:prstGeom>
            <a:solidFill>
              <a:schemeClr val="bg1">
                <a:alpha val="23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2289937086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3695733" y="1873019"/>
            <a:ext cx="8496267" cy="403244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5" name="Text Placeholder 9">
            <a:extLst>
              <a:ext uri="{FF2B5EF4-FFF2-40B4-BE49-F238E27FC236}">
                <a16:creationId xmlns:a16="http://schemas.microsoft.com/office/drawing/2014/main" id="{A6C3AF05-0B8F-485E-983F-1B40340199EC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6" name="Text Placeholder 9">
            <a:extLst>
              <a:ext uri="{FF2B5EF4-FFF2-40B4-BE49-F238E27FC236}">
                <a16:creationId xmlns:a16="http://schemas.microsoft.com/office/drawing/2014/main" id="{D183D1CC-DF98-45E3-B7CE-601603E40D08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810751767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0" y="0"/>
            <a:ext cx="4079776" cy="29280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6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8112000" y="3930000"/>
            <a:ext cx="4080000" cy="29280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96976481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4704523" y="0"/>
            <a:ext cx="2831637" cy="4293096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9360363" y="2564904"/>
            <a:ext cx="2831637" cy="4293096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3021140498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7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957145" y="1700808"/>
            <a:ext cx="3264727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1" hasCustomPrompt="1"/>
          </p:nvPr>
        </p:nvSpPr>
        <p:spPr>
          <a:xfrm>
            <a:off x="4452723" y="1700808"/>
            <a:ext cx="3264364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4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7947939" y="1700808"/>
            <a:ext cx="3264364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7" name="Text Placeholder 9">
            <a:extLst>
              <a:ext uri="{FF2B5EF4-FFF2-40B4-BE49-F238E27FC236}">
                <a16:creationId xmlns:a16="http://schemas.microsoft.com/office/drawing/2014/main" id="{DDA4CE02-F7F3-4BCD-B8DB-4DFD03965EC0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8" name="Text Placeholder 9">
            <a:extLst>
              <a:ext uri="{FF2B5EF4-FFF2-40B4-BE49-F238E27FC236}">
                <a16:creationId xmlns:a16="http://schemas.microsoft.com/office/drawing/2014/main" id="{39A54B34-6F96-4E3E-B72E-E680E3CE2717}"/>
              </a:ext>
            </a:extLst>
          </p:cNvPr>
          <p:cNvSpPr>
            <a:spLocks noGrp="1"/>
          </p:cNvSpPr>
          <p:nvPr>
            <p:ph type="body" sz="quarter" idx="14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122999089"/>
      </p:ext>
    </p:extLst>
  </p:cSld>
  <p:clrMapOvr>
    <a:masterClrMapping/>
  </p:clrMapOvr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8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3" descr="D:\Fullppt\005-PNG이미지\모니터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6382" y="1700809"/>
            <a:ext cx="3898337" cy="33581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3" descr="D:\Fullppt\005-PNG이미지\모니터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96862" y="1700809"/>
            <a:ext cx="3898337" cy="33581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2110208" y="1832542"/>
            <a:ext cx="3600000" cy="211311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5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6427952" y="1832542"/>
            <a:ext cx="3648000" cy="211311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8" name="Text Placeholder 9">
            <a:extLst>
              <a:ext uri="{FF2B5EF4-FFF2-40B4-BE49-F238E27FC236}">
                <a16:creationId xmlns:a16="http://schemas.microsoft.com/office/drawing/2014/main" id="{2F3CBFE9-6225-4EAB-9415-3558F6BE9A6F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9" name="Text Placeholder 9">
            <a:extLst>
              <a:ext uri="{FF2B5EF4-FFF2-40B4-BE49-F238E27FC236}">
                <a16:creationId xmlns:a16="http://schemas.microsoft.com/office/drawing/2014/main" id="{9E9189EF-3C10-45A2-8749-4187192ACEC2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393727365"/>
      </p:ext>
    </p:extLst>
  </p:cSld>
  <p:clrMapOvr>
    <a:masterClrMapping/>
  </p:clrMapOvr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9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onut 3"/>
          <p:cNvSpPr/>
          <p:nvPr userDrawn="1"/>
        </p:nvSpPr>
        <p:spPr>
          <a:xfrm>
            <a:off x="3796148" y="1572993"/>
            <a:ext cx="4535419" cy="4535419"/>
          </a:xfrm>
          <a:prstGeom prst="donut">
            <a:avLst>
              <a:gd name="adj" fmla="val 1353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pic>
        <p:nvPicPr>
          <p:cNvPr id="5" name="Picture 2" descr="D:\Fullppt\PNG이미지\핸드폰2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46967" y="1438674"/>
            <a:ext cx="4497771" cy="54467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4755105" y="1622871"/>
            <a:ext cx="2593953" cy="400686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9" name="Text Placeholder 9">
            <a:extLst>
              <a:ext uri="{FF2B5EF4-FFF2-40B4-BE49-F238E27FC236}">
                <a16:creationId xmlns:a16="http://schemas.microsoft.com/office/drawing/2014/main" id="{9B4F25E9-AA8C-4BD3-BF1F-56D20DF8DD5E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840BDE80-4E1C-47DE-8168-381888FDC3F5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2430196485"/>
      </p:ext>
    </p:extLst>
  </p:cSld>
  <p:clrMapOvr>
    <a:masterClrMapping/>
  </p:clrMapOvr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6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728952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728504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4" name="Rectangle 3"/>
          <p:cNvSpPr/>
          <p:nvPr userDrawn="1"/>
        </p:nvSpPr>
        <p:spPr>
          <a:xfrm>
            <a:off x="728504" y="2956276"/>
            <a:ext cx="2592000" cy="707936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5" name="Rectangle 4"/>
          <p:cNvSpPr/>
          <p:nvPr userDrawn="1"/>
        </p:nvSpPr>
        <p:spPr>
          <a:xfrm>
            <a:off x="728056" y="5447872"/>
            <a:ext cx="2592000" cy="70793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6" name="Picture Placeholder 2"/>
          <p:cNvSpPr>
            <a:spLocks noGrp="1"/>
          </p:cNvSpPr>
          <p:nvPr>
            <p:ph type="pic" idx="11" hasCustomPrompt="1"/>
          </p:nvPr>
        </p:nvSpPr>
        <p:spPr>
          <a:xfrm>
            <a:off x="3444409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3443961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8" name="Rectangle 7"/>
          <p:cNvSpPr/>
          <p:nvPr userDrawn="1"/>
        </p:nvSpPr>
        <p:spPr>
          <a:xfrm>
            <a:off x="3443961" y="2956276"/>
            <a:ext cx="2592000" cy="707936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9" name="Rectangle 8"/>
          <p:cNvSpPr/>
          <p:nvPr userDrawn="1"/>
        </p:nvSpPr>
        <p:spPr>
          <a:xfrm>
            <a:off x="3443513" y="5447872"/>
            <a:ext cx="2592000" cy="707936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0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6159867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1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6159419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2" name="Rectangle 11"/>
          <p:cNvSpPr/>
          <p:nvPr userDrawn="1"/>
        </p:nvSpPr>
        <p:spPr>
          <a:xfrm>
            <a:off x="6159419" y="2956276"/>
            <a:ext cx="2592000" cy="707936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3" name="Rectangle 12"/>
          <p:cNvSpPr/>
          <p:nvPr userDrawn="1"/>
        </p:nvSpPr>
        <p:spPr>
          <a:xfrm>
            <a:off x="6158971" y="5447872"/>
            <a:ext cx="2592000" cy="707936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4" name="Picture Placeholder 2"/>
          <p:cNvSpPr>
            <a:spLocks noGrp="1"/>
          </p:cNvSpPr>
          <p:nvPr>
            <p:ph type="pic" idx="15" hasCustomPrompt="1"/>
          </p:nvPr>
        </p:nvSpPr>
        <p:spPr>
          <a:xfrm>
            <a:off x="8875325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5" name="Picture Placeholder 2"/>
          <p:cNvSpPr>
            <a:spLocks noGrp="1"/>
          </p:cNvSpPr>
          <p:nvPr>
            <p:ph type="pic" idx="16" hasCustomPrompt="1"/>
          </p:nvPr>
        </p:nvSpPr>
        <p:spPr>
          <a:xfrm>
            <a:off x="8874877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6" name="Rectangle 15"/>
          <p:cNvSpPr/>
          <p:nvPr userDrawn="1"/>
        </p:nvSpPr>
        <p:spPr>
          <a:xfrm>
            <a:off x="8874877" y="2956276"/>
            <a:ext cx="2592000" cy="70793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7" name="Rectangle 16"/>
          <p:cNvSpPr/>
          <p:nvPr userDrawn="1"/>
        </p:nvSpPr>
        <p:spPr>
          <a:xfrm>
            <a:off x="8874429" y="5447872"/>
            <a:ext cx="2592000" cy="707936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96296800"/>
      </p:ext>
    </p:extLst>
  </p:cSld>
  <p:clrMapOvr>
    <a:masterClrMapping/>
  </p:clrMapOvr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860671179"/>
      </p:ext>
    </p:extLst>
  </p:cSld>
  <p:clrMapOvr>
    <a:masterClrMapping/>
  </p:clrMapOvr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5675346" y="6492876"/>
            <a:ext cx="841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2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en-US" altLang="ko-KR" sz="1200" b="0" i="0" u="none" strike="noStrike" kern="1200" cap="none" spc="0" normalizeH="0" baseline="0" noProof="0" smtClean="0">
                <a:ln>
                  <a:noFill/>
                </a:ln>
                <a:solidFill>
                  <a:prstClr val="white">
                    <a:lumMod val="50000"/>
                  </a:prstClr>
                </a:solidFill>
                <a:effectLst/>
                <a:uLnTx/>
                <a:uFillTx/>
                <a:latin typeface="Bahnschrift SemiCondensed" panose="020B0502040204020203" pitchFamily="34" charset="0"/>
                <a:ea typeface="맑은 고딕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altLang="ko-KR" sz="1200" b="0" i="0" u="none" strike="noStrike" kern="1200" cap="none" spc="0" normalizeH="0" baseline="0" noProof="0" dirty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Bahnschrift SemiCondensed" panose="020B0502040204020203" pitchFamily="34" charset="0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2072185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41437037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945862327"/>
      </p:ext>
    </p:extLst>
  </p:cSld>
  <p:clrMapOvr>
    <a:masterClrMapping/>
  </p:clrMapOvr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65515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278822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5010944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23365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9456373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565515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278822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5010944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723365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9456373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565515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278822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5010944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723365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9456373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65515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278822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5010944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723365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456373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1444966753"/>
      </p:ext>
    </p:extLst>
  </p:cSld>
  <p:clrMapOvr>
    <a:masterClrMapping/>
  </p:clrMapOvr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66877420"/>
      </p:ext>
    </p:extLst>
  </p:cSld>
  <p:clrMapOvr>
    <a:masterClrMapping/>
  </p:clrMapOvr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- Half T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100000">
                <a:srgbClr val="CBCFD3"/>
              </a:gs>
              <a:gs pos="0">
                <a:srgbClr val="E1E4E7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82298688"/>
      </p:ext>
    </p:extLst>
  </p:cSld>
  <p:clrMapOvr>
    <a:masterClrMapping/>
  </p:clrMapOvr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Gradi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88835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lumMod val="0"/>
                  <a:lumOff val="100000"/>
                </a:schemeClr>
              </a:gs>
              <a:gs pos="53000">
                <a:schemeClr val="accent5">
                  <a:lumMod val="0"/>
                  <a:lumOff val="100000"/>
                </a:schemeClr>
              </a:gs>
              <a:gs pos="100000">
                <a:schemeClr val="bg1">
                  <a:lumMod val="85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08804919"/>
      </p:ext>
    </p:extLst>
  </p:cSld>
  <p:clrMapOvr>
    <a:masterClrMapping/>
  </p:clrMapOvr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05997846"/>
      </p:ext>
    </p:extLst>
  </p:cSld>
  <p:clrMapOvr>
    <a:masterClrMapping/>
  </p:clrMapOvr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55907541"/>
      </p:ext>
    </p:extLst>
  </p:cSld>
  <p:clrMapOvr>
    <a:masterClrMapping/>
  </p:clrMapOvr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84996378"/>
      </p:ext>
    </p:extLst>
  </p:cSld>
  <p:clrMapOvr>
    <a:masterClrMapping/>
  </p:clrMapOvr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6096000" y="0"/>
            <a:ext cx="6096000" cy="6858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06332074"/>
      </p:ext>
    </p:extLst>
  </p:cSld>
  <p:clrMapOvr>
    <a:masterClrMapping/>
  </p:clrMapOvr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0"/>
            <a:ext cx="6085840" cy="2495550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0"/>
            <a:ext cx="6106160" cy="2495550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479040" y="3960495"/>
            <a:ext cx="112776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8575040" y="3960495"/>
            <a:ext cx="1127760" cy="84582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8919211" y="4090461"/>
            <a:ext cx="439420" cy="585891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158728" y="254840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700" marR="0" lvl="0" indent="-26670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04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9388681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51036498"/>
      </p:ext>
    </p:extLst>
  </p:cSld>
  <p:clrMapOvr>
    <a:masterClrMapping/>
  </p:clrMapOvr>
</p:sldLayout>
</file>

<file path=ppt/slideLayouts/slideLayout7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4F74D4D-4A74-44E2-A7F5-2345A0EBB4C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6A976493-E6F7-4EB7-8C45-7910C6D2CB2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35A966C4-FF88-4203-80DC-9487B703E28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E57353C-90B2-4BDA-A83E-FD27123E891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09183C8-3C05-492A-AF30-9B543F9601E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06741473"/>
      </p:ext>
    </p:extLst>
  </p:cSld>
  <p:clrMapOvr>
    <a:masterClrMapping/>
  </p:clrMapOvr>
</p:sldLayout>
</file>

<file path=ppt/slideLayouts/slideLayout71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F594540-9962-4998-B8F7-5BC5A092FB6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8DB35F1-1080-4DCE-BB49-4478BEF0A1D7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CAC5981-4815-47D3-87B1-41426DE2E0D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B20E730-4230-4931-B92B-8C451EA3D80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DC26C17-BB25-4475-9466-8649CE4A6B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11165233"/>
      </p:ext>
    </p:extLst>
  </p:cSld>
  <p:clrMapOvr>
    <a:masterClrMapping/>
  </p:clrMapOvr>
</p:sldLayout>
</file>

<file path=ppt/slideLayouts/slideLayout72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B954815-926C-4179-9D0C-7366538EA84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152758DE-2AB3-42CF-9585-4812B8DBFFE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23F96A3-4778-483E-A265-77611A56320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5C7CD60-6076-4E4F-BA10-22DDB66A43E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311F61C-AEAC-4226-BF92-9A000C8456E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40791186"/>
      </p:ext>
    </p:extLst>
  </p:cSld>
  <p:clrMapOvr>
    <a:masterClrMapping/>
  </p:clrMapOvr>
</p:sldLayout>
</file>

<file path=ppt/slideLayouts/slideLayout73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5195AD6-31F3-473F-B40A-CA82A1AD9CF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2D56030-5B5A-43EC-919D-9FB261931B6C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43B1D08F-2FE0-4275-B6A4-C65557773D66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26996516-1BFD-428B-8E13-9103F969D56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73BB9D9-92FA-4C85-A96A-3EE265E80D8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E3B83993-F863-43A0-A868-31E250AB205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60924386"/>
      </p:ext>
    </p:extLst>
  </p:cSld>
  <p:clrMapOvr>
    <a:masterClrMapping/>
  </p:clrMapOvr>
</p:sldLayout>
</file>

<file path=ppt/slideLayouts/slideLayout74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BACCFF2-1CEB-4E95-BEE2-F2913C0F56F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8598F17E-1F83-49A0-9721-2759BE3718C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7BB97C09-2594-4909-8195-224C76ABCB67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7DD49989-5C88-4153-9AFC-FD5C188E1A5F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20B09E69-B079-45D2-841E-5BDCE28F54AF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EB9060C2-3FE3-4AA6-AC58-F92A4392491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1E5E39AB-DF3F-4F81-B46E-C4B4E778BEF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25F492DF-3B01-47CF-95D6-655EAC1800C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94763468"/>
      </p:ext>
    </p:extLst>
  </p:cSld>
  <p:clrMapOvr>
    <a:masterClrMapping/>
  </p:clrMapOvr>
</p:sldLayout>
</file>

<file path=ppt/slideLayouts/slideLayout7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86F6E35-549E-44A6-8628-A5D1BAC2AC0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13456B9C-7782-4DAB-9B40-3D950F8B16A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8FFB444A-CE2C-42E3-A4B0-6C18E399066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8A2659A4-20AA-4D8F-B699-DFA4DB3248E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95481503"/>
      </p:ext>
    </p:extLst>
  </p:cSld>
  <p:clrMapOvr>
    <a:masterClrMapping/>
  </p:clrMapOvr>
</p:sldLayout>
</file>

<file path=ppt/slideLayouts/slideLayout7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A9D3E18B-4500-497F-8EF4-E5636F5534D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E8C23530-4767-4459-BB2B-DD7C268632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A720EAAC-6764-4834-98DE-77B7F380D96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79970135"/>
      </p:ext>
    </p:extLst>
  </p:cSld>
  <p:clrMapOvr>
    <a:masterClrMapping/>
  </p:clrMapOvr>
</p:sldLayout>
</file>

<file path=ppt/slideLayouts/slideLayout77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9856C7F-3098-4124-992C-C9B16DB6846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2650ED1-37FC-4FF9-959F-7D48923D5652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3DF1C82C-F1FD-4D56-A1A2-82B899C3B12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0088B5A1-9DB9-421F-AFA6-882F0AC1E1A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871C0FF-E25D-4BA3-B454-EABD66B4CF9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8B3B03AF-E17E-4ABE-8B01-4E7306B459A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94527377"/>
      </p:ext>
    </p:extLst>
  </p:cSld>
  <p:clrMapOvr>
    <a:masterClrMapping/>
  </p:clrMapOvr>
</p:sldLayout>
</file>

<file path=ppt/slideLayouts/slideLayout78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4619567-E90E-44EF-B4B1-9D1A5B97404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7E4CB357-E68C-472D-A9A3-DA8701F61D94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D629480E-A65C-423A-86CA-0DA66563D8B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CB44A532-6353-4A90-824F-A454FFFA485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AEBBD082-3DD9-4691-B04B-62C5E726F8E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1CD634B5-F73E-4AAA-9348-784288B00D1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98871833"/>
      </p:ext>
    </p:extLst>
  </p:cSld>
  <p:clrMapOvr>
    <a:masterClrMapping/>
  </p:clrMapOvr>
</p:sldLayout>
</file>

<file path=ppt/slideLayouts/slideLayout7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C1E90F4-E281-4582-9245-C0DD350961F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867FE288-405B-4F11-92DA-1E7A1908B8F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6EFEDFE6-A535-479C-B701-69DAD9C5592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709CE90-C33A-4810-ADC5-3BA2EBF3152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77E8B81-94FC-4D9A-8273-1D014B5E53E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1780707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24096514"/>
      </p:ext>
    </p:extLst>
  </p:cSld>
  <p:clrMapOvr>
    <a:masterClrMapping/>
  </p:clrMapOvr>
</p:sldLayout>
</file>

<file path=ppt/slideLayouts/slideLayout8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73E97802-8476-4F0F-8DFF-874A9275E49A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3F58A40C-09D8-4A6F-BACF-4A7C4F1E1FB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9BD2E27-FF4B-4C84-8951-7E9BDA71C1E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00F9B60-B759-4FA4-B0E5-332CF3C1418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B43FD78-8116-46A0-9339-9F99CA3D73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60285149"/>
      </p:ext>
    </p:extLst>
  </p:cSld>
  <p:clrMapOvr>
    <a:masterClrMapping/>
  </p:clrMapOvr>
</p:sldLayout>
</file>

<file path=ppt/slideLayouts/slideLayout8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OPEN TITLE" type="title">
  <p:cSld name="OPEN TITLE">
    <p:spTree>
      <p:nvGrpSpPr>
        <p:cNvPr id="1" name="Shape 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oogle Shape;9;p2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0" name="Google Shape;10;p2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" name="Google Shape;11;p2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" name="Google Shape;12;p2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3" name="Google Shape;13;p2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" name="Google Shape;14;p2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5" name="Google Shape;15;p2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" name="Google Shape;16;p2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" name="Google Shape;17;p2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" name="Google Shape;18;p2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" name="Google Shape;19;p2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" name="Google Shape;20;p2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" name="Google Shape;21;p2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2" name="Google Shape;22;p2"/>
          <p:cNvSpPr txBox="1">
            <a:spLocks noGrp="1"/>
          </p:cNvSpPr>
          <p:nvPr>
            <p:ph type="ctrTitle"/>
          </p:nvPr>
        </p:nvSpPr>
        <p:spPr>
          <a:xfrm>
            <a:off x="415600" y="1930400"/>
            <a:ext cx="11360800" cy="19420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3600"/>
              <a:buFont typeface="Permanent Marker"/>
              <a:buNone/>
              <a:defRPr sz="48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3" name="Google Shape;23;p2"/>
          <p:cNvSpPr txBox="1">
            <a:spLocks noGrp="1"/>
          </p:cNvSpPr>
          <p:nvPr>
            <p:ph type="subTitle" idx="1"/>
          </p:nvPr>
        </p:nvSpPr>
        <p:spPr>
          <a:xfrm>
            <a:off x="415600" y="3849867"/>
            <a:ext cx="113608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310878293"/>
      </p:ext>
    </p:extLst>
  </p:cSld>
  <p:clrMapOvr>
    <a:masterClrMapping/>
  </p:clrMapOvr>
</p:sldLayout>
</file>

<file path=ppt/slideLayouts/slideLayout8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BULLET POINTS">
  <p:cSld name="TITLE + BULLET POINTS">
    <p:spTree>
      <p:nvGrpSpPr>
        <p:cNvPr id="1" name="Shape 2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oogle Shape;25;p3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6" name="Google Shape;26;p3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" name="Google Shape;27;p3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" name="Google Shape;28;p3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" name="Google Shape;29;p3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" name="Google Shape;30;p3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" name="Google Shape;31;p3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2" name="Google Shape;32;p3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3" name="Google Shape;33;p3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4" name="Google Shape;34;p3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5" name="Google Shape;35;p3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6" name="Google Shape;36;p3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7" name="Google Shape;37;p3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38" name="Google Shape;38;p3"/>
          <p:cNvSpPr txBox="1">
            <a:spLocks noGrp="1"/>
          </p:cNvSpPr>
          <p:nvPr>
            <p:ph type="ctrTitle"/>
          </p:nvPr>
        </p:nvSpPr>
        <p:spPr>
          <a:xfrm>
            <a:off x="1252700" y="689133"/>
            <a:ext cx="9720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39" name="Google Shape;39;p3"/>
          <p:cNvSpPr txBox="1">
            <a:spLocks noGrp="1"/>
          </p:cNvSpPr>
          <p:nvPr>
            <p:ph type="body" idx="1"/>
          </p:nvPr>
        </p:nvSpPr>
        <p:spPr>
          <a:xfrm>
            <a:off x="1252700" y="1968500"/>
            <a:ext cx="8085200" cy="406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389457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000"/>
              <a:buFont typeface="Comfortaa"/>
              <a:buChar char="●"/>
              <a:defRPr sz="1333">
                <a:latin typeface="Comfortaa"/>
                <a:ea typeface="Comfortaa"/>
                <a:cs typeface="Comfortaa"/>
                <a:sym typeface="Comfortaa"/>
              </a:defRPr>
            </a:lvl1pPr>
            <a:lvl2pPr marL="1219170" lvl="1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○"/>
              <a:defRPr sz="1333">
                <a:latin typeface="Comfortaa"/>
                <a:ea typeface="Comfortaa"/>
                <a:cs typeface="Comfortaa"/>
                <a:sym typeface="Comfortaa"/>
              </a:defRPr>
            </a:lvl2pPr>
            <a:lvl3pPr marL="1828754" lvl="2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■"/>
              <a:defRPr sz="1333">
                <a:latin typeface="Comfortaa"/>
                <a:ea typeface="Comfortaa"/>
                <a:cs typeface="Comfortaa"/>
                <a:sym typeface="Comfortaa"/>
              </a:defRPr>
            </a:lvl3pPr>
            <a:lvl4pPr marL="2438339" lvl="3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●"/>
              <a:defRPr sz="1333">
                <a:latin typeface="Comfortaa"/>
                <a:ea typeface="Comfortaa"/>
                <a:cs typeface="Comfortaa"/>
                <a:sym typeface="Comfortaa"/>
              </a:defRPr>
            </a:lvl4pPr>
            <a:lvl5pPr marL="3047924" lvl="4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○"/>
              <a:defRPr sz="1333">
                <a:latin typeface="Comfortaa"/>
                <a:ea typeface="Comfortaa"/>
                <a:cs typeface="Comfortaa"/>
                <a:sym typeface="Comfortaa"/>
              </a:defRPr>
            </a:lvl5pPr>
            <a:lvl6pPr marL="3657509" lvl="5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■"/>
              <a:defRPr sz="1333">
                <a:latin typeface="Comfortaa"/>
                <a:ea typeface="Comfortaa"/>
                <a:cs typeface="Comfortaa"/>
                <a:sym typeface="Comfortaa"/>
              </a:defRPr>
            </a:lvl6pPr>
            <a:lvl7pPr marL="4267093" lvl="6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●"/>
              <a:defRPr sz="1333">
                <a:latin typeface="Comfortaa"/>
                <a:ea typeface="Comfortaa"/>
                <a:cs typeface="Comfortaa"/>
                <a:sym typeface="Comfortaa"/>
              </a:defRPr>
            </a:lvl7pPr>
            <a:lvl8pPr marL="4876678" lvl="7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○"/>
              <a:defRPr sz="1333">
                <a:latin typeface="Comfortaa"/>
                <a:ea typeface="Comfortaa"/>
                <a:cs typeface="Comfortaa"/>
                <a:sym typeface="Comfortaa"/>
              </a:defRPr>
            </a:lvl8pPr>
            <a:lvl9pPr marL="5486263" lvl="8" indent="-389457" rtl="0">
              <a:lnSpc>
                <a:spcPct val="115000"/>
              </a:lnSpc>
              <a:spcBef>
                <a:spcPts val="2133"/>
              </a:spcBef>
              <a:spcAft>
                <a:spcPts val="2133"/>
              </a:spcAft>
              <a:buSzPts val="1000"/>
              <a:buFont typeface="Comfortaa"/>
              <a:buChar char="■"/>
              <a:defRPr sz="1333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216206324"/>
      </p:ext>
    </p:extLst>
  </p:cSld>
  <p:clrMapOvr>
    <a:masterClrMapping/>
  </p:clrMapOvr>
</p:sldLayout>
</file>

<file path=ppt/slideLayouts/slideLayout8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ABLE OF CONTENTS">
  <p:cSld name="TABLE OF CONTENTS">
    <p:spTree>
      <p:nvGrpSpPr>
        <p:cNvPr id="1" name="Shape 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1" name="Google Shape;41;p4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42" name="Google Shape;42;p4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3" name="Google Shape;43;p4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4" name="Google Shape;44;p4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5" name="Google Shape;45;p4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6" name="Google Shape;46;p4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7" name="Google Shape;47;p4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8" name="Google Shape;48;p4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9" name="Google Shape;49;p4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0" name="Google Shape;50;p4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1" name="Google Shape;51;p4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2" name="Google Shape;52;p4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3" name="Google Shape;53;p4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54" name="Google Shape;54;p4"/>
          <p:cNvSpPr txBox="1">
            <a:spLocks noGrp="1"/>
          </p:cNvSpPr>
          <p:nvPr>
            <p:ph type="title" hasCustomPrompt="1"/>
          </p:nvPr>
        </p:nvSpPr>
        <p:spPr>
          <a:xfrm>
            <a:off x="1895117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5" name="Google Shape;55;p4"/>
          <p:cNvSpPr txBox="1">
            <a:spLocks noGrp="1"/>
          </p:cNvSpPr>
          <p:nvPr>
            <p:ph type="title" idx="2" hasCustomPrompt="1"/>
          </p:nvPr>
        </p:nvSpPr>
        <p:spPr>
          <a:xfrm>
            <a:off x="4280505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6" name="Google Shape;56;p4"/>
          <p:cNvSpPr txBox="1">
            <a:spLocks noGrp="1"/>
          </p:cNvSpPr>
          <p:nvPr>
            <p:ph type="title" idx="3" hasCustomPrompt="1"/>
          </p:nvPr>
        </p:nvSpPr>
        <p:spPr>
          <a:xfrm>
            <a:off x="6665895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7" name="Google Shape;57;p4"/>
          <p:cNvSpPr txBox="1">
            <a:spLocks noGrp="1"/>
          </p:cNvSpPr>
          <p:nvPr>
            <p:ph type="title" idx="4" hasCustomPrompt="1"/>
          </p:nvPr>
        </p:nvSpPr>
        <p:spPr>
          <a:xfrm>
            <a:off x="9051284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8" name="Google Shape;58;p4"/>
          <p:cNvSpPr txBox="1">
            <a:spLocks noGrp="1"/>
          </p:cNvSpPr>
          <p:nvPr>
            <p:ph type="ctrTitle" idx="5"/>
          </p:nvPr>
        </p:nvSpPr>
        <p:spPr>
          <a:xfrm>
            <a:off x="415600" y="824767"/>
            <a:ext cx="113608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Font typeface="Permanent Marker"/>
              <a:buNone/>
              <a:defRPr sz="24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59" name="Google Shape;59;p4"/>
          <p:cNvSpPr txBox="1">
            <a:spLocks noGrp="1"/>
          </p:cNvSpPr>
          <p:nvPr>
            <p:ph type="subTitle" idx="1"/>
          </p:nvPr>
        </p:nvSpPr>
        <p:spPr>
          <a:xfrm>
            <a:off x="1521933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0" name="Google Shape;60;p4"/>
          <p:cNvSpPr txBox="1">
            <a:spLocks noGrp="1"/>
          </p:cNvSpPr>
          <p:nvPr>
            <p:ph type="subTitle" idx="6"/>
          </p:nvPr>
        </p:nvSpPr>
        <p:spPr>
          <a:xfrm>
            <a:off x="3907300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1" name="Google Shape;61;p4"/>
          <p:cNvSpPr txBox="1">
            <a:spLocks noGrp="1"/>
          </p:cNvSpPr>
          <p:nvPr>
            <p:ph type="subTitle" idx="7"/>
          </p:nvPr>
        </p:nvSpPr>
        <p:spPr>
          <a:xfrm>
            <a:off x="6292667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2" name="Google Shape;62;p4"/>
          <p:cNvSpPr txBox="1">
            <a:spLocks noGrp="1"/>
          </p:cNvSpPr>
          <p:nvPr>
            <p:ph type="subTitle" idx="8"/>
          </p:nvPr>
        </p:nvSpPr>
        <p:spPr>
          <a:xfrm>
            <a:off x="8678100" y="49101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3" name="Google Shape;63;p4"/>
          <p:cNvSpPr txBox="1">
            <a:spLocks noGrp="1"/>
          </p:cNvSpPr>
          <p:nvPr>
            <p:ph type="subTitle" idx="9"/>
          </p:nvPr>
        </p:nvSpPr>
        <p:spPr>
          <a:xfrm>
            <a:off x="6292700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427132034"/>
      </p:ext>
    </p:extLst>
  </p:cSld>
  <p:clrMapOvr>
    <a:masterClrMapping/>
  </p:clrMapOvr>
</p:sldLayout>
</file>

<file path=ppt/slideLayouts/slideLayout8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EXT">
  <p:cSld name="TITLE + TEXT">
    <p:spTree>
      <p:nvGrpSpPr>
        <p:cNvPr id="1" name="Shape 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5" name="Google Shape;65;p5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66" name="Google Shape;66;p5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67" name="Google Shape;67;p5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68" name="Google Shape;68;p5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69" name="Google Shape;69;p5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0" name="Google Shape;70;p5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1" name="Google Shape;71;p5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2" name="Google Shape;72;p5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3" name="Google Shape;73;p5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4" name="Google Shape;74;p5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5" name="Google Shape;75;p5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6" name="Google Shape;76;p5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7" name="Google Shape;77;p5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78" name="Google Shape;78;p5"/>
          <p:cNvSpPr txBox="1">
            <a:spLocks noGrp="1"/>
          </p:cNvSpPr>
          <p:nvPr>
            <p:ph type="subTitle" idx="1"/>
          </p:nvPr>
        </p:nvSpPr>
        <p:spPr>
          <a:xfrm>
            <a:off x="1252700" y="2739400"/>
            <a:ext cx="3888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79" name="Google Shape;79;p5"/>
          <p:cNvSpPr txBox="1">
            <a:spLocks noGrp="1"/>
          </p:cNvSpPr>
          <p:nvPr>
            <p:ph type="ctrTitle"/>
          </p:nvPr>
        </p:nvSpPr>
        <p:spPr>
          <a:xfrm>
            <a:off x="1252700" y="689133"/>
            <a:ext cx="9720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833402876"/>
      </p:ext>
    </p:extLst>
  </p:cSld>
  <p:clrMapOvr>
    <a:masterClrMapping/>
  </p:clrMapOvr>
</p:sldLayout>
</file>

<file path=ppt/slideLayouts/slideLayout8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QUOTE">
    <p:spTree>
      <p:nvGrpSpPr>
        <p:cNvPr id="1" name="Shape 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1" name="Google Shape;81;p6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82" name="Google Shape;82;p6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3" name="Google Shape;83;p6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4" name="Google Shape;84;p6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5" name="Google Shape;85;p6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6" name="Google Shape;86;p6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7" name="Google Shape;87;p6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8" name="Google Shape;88;p6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9" name="Google Shape;89;p6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0" name="Google Shape;90;p6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1" name="Google Shape;91;p6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2" name="Google Shape;92;p6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3" name="Google Shape;93;p6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94" name="Google Shape;94;p6"/>
          <p:cNvSpPr txBox="1">
            <a:spLocks noGrp="1"/>
          </p:cNvSpPr>
          <p:nvPr>
            <p:ph type="ctrTitle"/>
          </p:nvPr>
        </p:nvSpPr>
        <p:spPr>
          <a:xfrm>
            <a:off x="2678400" y="5196051"/>
            <a:ext cx="6835200" cy="510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None/>
              <a:defRPr sz="1467">
                <a:latin typeface="Comfortaa"/>
                <a:ea typeface="Comfortaa"/>
                <a:cs typeface="Comfortaa"/>
                <a:sym typeface="Comfortaa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  <p:sp>
        <p:nvSpPr>
          <p:cNvPr id="95" name="Google Shape;95;p6"/>
          <p:cNvSpPr txBox="1">
            <a:spLocks noGrp="1"/>
          </p:cNvSpPr>
          <p:nvPr>
            <p:ph type="subTitle" idx="1"/>
          </p:nvPr>
        </p:nvSpPr>
        <p:spPr>
          <a:xfrm>
            <a:off x="2553000" y="1869300"/>
            <a:ext cx="7086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797382979"/>
      </p:ext>
    </p:extLst>
  </p:cSld>
  <p:clrMapOvr>
    <a:masterClrMapping/>
  </p:clrMapOvr>
</p:sldLayout>
</file>

<file path=ppt/slideLayouts/slideLayout8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EXT 2">
  <p:cSld name="TITLE + TEXT 2">
    <p:spTree>
      <p:nvGrpSpPr>
        <p:cNvPr id="1" name="Shape 9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7" name="Google Shape;97;p7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98" name="Google Shape;98;p7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9" name="Google Shape;99;p7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0" name="Google Shape;100;p7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1" name="Google Shape;101;p7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2" name="Google Shape;102;p7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3" name="Google Shape;103;p7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4" name="Google Shape;104;p7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5" name="Google Shape;105;p7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6" name="Google Shape;106;p7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7" name="Google Shape;107;p7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8" name="Google Shape;108;p7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9" name="Google Shape;109;p7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10" name="Google Shape;110;p7"/>
          <p:cNvSpPr txBox="1">
            <a:spLocks noGrp="1"/>
          </p:cNvSpPr>
          <p:nvPr>
            <p:ph type="ctrTitle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11" name="Google Shape;111;p7"/>
          <p:cNvSpPr txBox="1">
            <a:spLocks noGrp="1"/>
          </p:cNvSpPr>
          <p:nvPr>
            <p:ph type="subTitle" idx="1"/>
          </p:nvPr>
        </p:nvSpPr>
        <p:spPr>
          <a:xfrm>
            <a:off x="4152000" y="2739400"/>
            <a:ext cx="3888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649511156"/>
      </p:ext>
    </p:extLst>
  </p:cSld>
  <p:clrMapOvr>
    <a:masterClrMapping/>
  </p:clrMapOvr>
</p:sldLayout>
</file>

<file path=ppt/slideLayouts/slideLayout8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TITLE">
  <p:cSld name="BIG TITLE">
    <p:spTree>
      <p:nvGrpSpPr>
        <p:cNvPr id="1" name="Shape 11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3" name="Google Shape;113;p8"/>
          <p:cNvSpPr txBox="1">
            <a:spLocks noGrp="1"/>
          </p:cNvSpPr>
          <p:nvPr>
            <p:ph type="ctrTitle"/>
          </p:nvPr>
        </p:nvSpPr>
        <p:spPr>
          <a:xfrm>
            <a:off x="4145000" y="2940400"/>
            <a:ext cx="3902000" cy="9772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076627089"/>
      </p:ext>
    </p:extLst>
  </p:cSld>
  <p:clrMapOvr>
    <a:masterClrMapping/>
  </p:clrMapOvr>
</p:sldLayout>
</file>

<file path=ppt/slideLayouts/slideLayout8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FOUR COLUMNS" type="blank">
  <p:cSld name="TITLE + FOUR COLUMNS">
    <p:spTree>
      <p:nvGrpSpPr>
        <p:cNvPr id="1" name="Shape 1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5" name="Google Shape;115;p9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16" name="Google Shape;116;p9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7" name="Google Shape;117;p9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8" name="Google Shape;118;p9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9" name="Google Shape;119;p9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0" name="Google Shape;120;p9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1" name="Google Shape;121;p9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2" name="Google Shape;122;p9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3" name="Google Shape;123;p9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4" name="Google Shape;124;p9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5" name="Google Shape;125;p9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6" name="Google Shape;126;p9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7" name="Google Shape;127;p9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28" name="Google Shape;128;p9"/>
          <p:cNvSpPr txBox="1">
            <a:spLocks noGrp="1"/>
          </p:cNvSpPr>
          <p:nvPr>
            <p:ph type="subTitle" idx="1"/>
          </p:nvPr>
        </p:nvSpPr>
        <p:spPr>
          <a:xfrm>
            <a:off x="1521917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29" name="Google Shape;129;p9"/>
          <p:cNvSpPr txBox="1">
            <a:spLocks noGrp="1"/>
          </p:cNvSpPr>
          <p:nvPr>
            <p:ph type="subTitle" idx="2"/>
          </p:nvPr>
        </p:nvSpPr>
        <p:spPr>
          <a:xfrm>
            <a:off x="3907284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30" name="Google Shape;130;p9"/>
          <p:cNvSpPr txBox="1">
            <a:spLocks noGrp="1"/>
          </p:cNvSpPr>
          <p:nvPr>
            <p:ph type="subTitle" idx="3"/>
          </p:nvPr>
        </p:nvSpPr>
        <p:spPr>
          <a:xfrm>
            <a:off x="8678084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31" name="Google Shape;131;p9"/>
          <p:cNvSpPr txBox="1">
            <a:spLocks noGrp="1"/>
          </p:cNvSpPr>
          <p:nvPr>
            <p:ph type="subTitle" idx="4"/>
          </p:nvPr>
        </p:nvSpPr>
        <p:spPr>
          <a:xfrm>
            <a:off x="6292684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32" name="Google Shape;132;p9"/>
          <p:cNvSpPr txBox="1">
            <a:spLocks noGrp="1"/>
          </p:cNvSpPr>
          <p:nvPr>
            <p:ph type="ctrTitle"/>
          </p:nvPr>
        </p:nvSpPr>
        <p:spPr>
          <a:xfrm>
            <a:off x="1521933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3" name="Google Shape;133;p9"/>
          <p:cNvSpPr txBox="1">
            <a:spLocks noGrp="1"/>
          </p:cNvSpPr>
          <p:nvPr>
            <p:ph type="ctrTitle" idx="5"/>
          </p:nvPr>
        </p:nvSpPr>
        <p:spPr>
          <a:xfrm>
            <a:off x="3907300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4" name="Google Shape;134;p9"/>
          <p:cNvSpPr txBox="1">
            <a:spLocks noGrp="1"/>
          </p:cNvSpPr>
          <p:nvPr>
            <p:ph type="ctrTitle" idx="6"/>
          </p:nvPr>
        </p:nvSpPr>
        <p:spPr>
          <a:xfrm>
            <a:off x="6292700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5" name="Google Shape;135;p9"/>
          <p:cNvSpPr txBox="1">
            <a:spLocks noGrp="1"/>
          </p:cNvSpPr>
          <p:nvPr>
            <p:ph type="ctrTitle" idx="7"/>
          </p:nvPr>
        </p:nvSpPr>
        <p:spPr>
          <a:xfrm>
            <a:off x="8678100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6" name="Google Shape;136;p9"/>
          <p:cNvSpPr txBox="1">
            <a:spLocks noGrp="1"/>
          </p:cNvSpPr>
          <p:nvPr>
            <p:ph type="ctrTitle" idx="8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015945391"/>
      </p:ext>
    </p:extLst>
  </p:cSld>
  <p:clrMapOvr>
    <a:masterClrMapping/>
  </p:clrMapOvr>
</p:sldLayout>
</file>

<file path=ppt/slideLayouts/slideLayout8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HREE COLUMNS">
  <p:cSld name="TITLE + THREE COLUMNS">
    <p:spTree>
      <p:nvGrpSpPr>
        <p:cNvPr id="1" name="Shape 1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8" name="Google Shape;138;p10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39" name="Google Shape;139;p10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0" name="Google Shape;140;p10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1" name="Google Shape;141;p10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2" name="Google Shape;142;p10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3" name="Google Shape;143;p10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4" name="Google Shape;144;p10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5" name="Google Shape;145;p10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6" name="Google Shape;146;p10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7" name="Google Shape;147;p10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8" name="Google Shape;148;p10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9" name="Google Shape;149;p10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50" name="Google Shape;150;p10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51" name="Google Shape;151;p10"/>
          <p:cNvSpPr txBox="1">
            <a:spLocks noGrp="1"/>
          </p:cNvSpPr>
          <p:nvPr>
            <p:ph type="subTitle" idx="1"/>
          </p:nvPr>
        </p:nvSpPr>
        <p:spPr>
          <a:xfrm>
            <a:off x="1665233" y="38097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52" name="Google Shape;152;p10"/>
          <p:cNvSpPr txBox="1">
            <a:spLocks noGrp="1"/>
          </p:cNvSpPr>
          <p:nvPr>
            <p:ph type="subTitle" idx="2"/>
          </p:nvPr>
        </p:nvSpPr>
        <p:spPr>
          <a:xfrm>
            <a:off x="4965000" y="38097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53" name="Google Shape;153;p10"/>
          <p:cNvSpPr txBox="1">
            <a:spLocks noGrp="1"/>
          </p:cNvSpPr>
          <p:nvPr>
            <p:ph type="subTitle" idx="3"/>
          </p:nvPr>
        </p:nvSpPr>
        <p:spPr>
          <a:xfrm>
            <a:off x="8264767" y="38097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54" name="Google Shape;154;p10"/>
          <p:cNvSpPr txBox="1">
            <a:spLocks noGrp="1"/>
          </p:cNvSpPr>
          <p:nvPr>
            <p:ph type="ctrTitle"/>
          </p:nvPr>
        </p:nvSpPr>
        <p:spPr>
          <a:xfrm>
            <a:off x="1800217" y="23655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55" name="Google Shape;155;p10"/>
          <p:cNvSpPr txBox="1">
            <a:spLocks noGrp="1"/>
          </p:cNvSpPr>
          <p:nvPr>
            <p:ph type="ctrTitle" idx="4"/>
          </p:nvPr>
        </p:nvSpPr>
        <p:spPr>
          <a:xfrm>
            <a:off x="5099984" y="23655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56" name="Google Shape;156;p10"/>
          <p:cNvSpPr txBox="1">
            <a:spLocks noGrp="1"/>
          </p:cNvSpPr>
          <p:nvPr>
            <p:ph type="ctrTitle" idx="5"/>
          </p:nvPr>
        </p:nvSpPr>
        <p:spPr>
          <a:xfrm>
            <a:off x="8399784" y="23655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57" name="Google Shape;157;p10"/>
          <p:cNvSpPr txBox="1">
            <a:spLocks noGrp="1"/>
          </p:cNvSpPr>
          <p:nvPr>
            <p:ph type="ctrTitle" idx="6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14971771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3980425"/>
      </p:ext>
    </p:extLst>
  </p:cSld>
  <p:clrMapOvr>
    <a:masterClrMapping/>
  </p:clrMapOvr>
</p:sldLayout>
</file>

<file path=ppt/slideLayouts/slideLayout9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S">
  <p:cSld name="BIG NUMBERS">
    <p:spTree>
      <p:nvGrpSpPr>
        <p:cNvPr id="1" name="Shape 1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59" name="Google Shape;159;p11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60" name="Google Shape;160;p11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1" name="Google Shape;161;p11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2" name="Google Shape;162;p11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3" name="Google Shape;163;p11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4" name="Google Shape;164;p11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5" name="Google Shape;165;p11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6" name="Google Shape;166;p11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7" name="Google Shape;167;p11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8" name="Google Shape;168;p11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9" name="Google Shape;169;p11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0" name="Google Shape;170;p11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1" name="Google Shape;171;p11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72" name="Google Shape;172;p11"/>
          <p:cNvSpPr txBox="1">
            <a:spLocks noGrp="1"/>
          </p:cNvSpPr>
          <p:nvPr>
            <p:ph type="title" hasCustomPrompt="1"/>
          </p:nvPr>
        </p:nvSpPr>
        <p:spPr>
          <a:xfrm>
            <a:off x="3335000" y="934651"/>
            <a:ext cx="5522000" cy="797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6000"/>
              <a:buNone/>
              <a:defRPr sz="8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  <p:sp>
        <p:nvSpPr>
          <p:cNvPr id="173" name="Google Shape;173;p11"/>
          <p:cNvSpPr txBox="1">
            <a:spLocks noGrp="1"/>
          </p:cNvSpPr>
          <p:nvPr>
            <p:ph type="title" idx="2" hasCustomPrompt="1"/>
          </p:nvPr>
        </p:nvSpPr>
        <p:spPr>
          <a:xfrm>
            <a:off x="3335000" y="2814251"/>
            <a:ext cx="5522000" cy="797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6000"/>
              <a:buNone/>
              <a:defRPr sz="8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  <p:sp>
        <p:nvSpPr>
          <p:cNvPr id="174" name="Google Shape;174;p11"/>
          <p:cNvSpPr txBox="1">
            <a:spLocks noGrp="1"/>
          </p:cNvSpPr>
          <p:nvPr>
            <p:ph type="title" idx="3" hasCustomPrompt="1"/>
          </p:nvPr>
        </p:nvSpPr>
        <p:spPr>
          <a:xfrm>
            <a:off x="3335000" y="4693851"/>
            <a:ext cx="5522000" cy="797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6000"/>
              <a:buNone/>
              <a:defRPr sz="8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</p:spTree>
    <p:extLst>
      <p:ext uri="{BB962C8B-B14F-4D97-AF65-F5344CB8AC3E}">
        <p14:creationId xmlns:p14="http://schemas.microsoft.com/office/powerpoint/2010/main" val="719639298"/>
      </p:ext>
    </p:extLst>
  </p:cSld>
  <p:clrMapOvr>
    <a:masterClrMapping/>
  </p:clrMapOvr>
</p:sldLayout>
</file>

<file path=ppt/slideLayouts/slideLayout9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DESIGN">
  <p:cSld name="TITLE + DESIGN">
    <p:spTree>
      <p:nvGrpSpPr>
        <p:cNvPr id="1" name="Shape 1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6" name="Google Shape;176;p12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77" name="Google Shape;177;p12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8" name="Google Shape;178;p12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9" name="Google Shape;179;p12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0" name="Google Shape;180;p12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1" name="Google Shape;181;p12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2" name="Google Shape;182;p12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3" name="Google Shape;183;p12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4" name="Google Shape;184;p12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5" name="Google Shape;185;p12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6" name="Google Shape;186;p12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7" name="Google Shape;187;p12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8" name="Google Shape;188;p12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89" name="Google Shape;189;p12"/>
          <p:cNvSpPr txBox="1">
            <a:spLocks noGrp="1"/>
          </p:cNvSpPr>
          <p:nvPr>
            <p:ph type="ctrTitle"/>
          </p:nvPr>
        </p:nvSpPr>
        <p:spPr>
          <a:xfrm>
            <a:off x="4416800" y="1603533"/>
            <a:ext cx="3358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796302973"/>
      </p:ext>
    </p:extLst>
  </p:cSld>
  <p:clrMapOvr>
    <a:masterClrMapping/>
  </p:clrMapOvr>
</p:sldLayout>
</file>

<file path=ppt/slideLayouts/slideLayout9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HREE COLUMNS">
  <p:cSld name="1_TITLE + THREE COLUMNS">
    <p:spTree>
      <p:nvGrpSpPr>
        <p:cNvPr id="1" name="Shape 1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1" name="Google Shape;191;p13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92" name="Google Shape;192;p13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3" name="Google Shape;193;p13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4" name="Google Shape;194;p13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5" name="Google Shape;195;p13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6" name="Google Shape;196;p13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7" name="Google Shape;197;p13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8" name="Google Shape;198;p13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9" name="Google Shape;199;p13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0" name="Google Shape;200;p13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1" name="Google Shape;201;p13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2" name="Google Shape;202;p13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3" name="Google Shape;203;p13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04" name="Google Shape;204;p13"/>
          <p:cNvSpPr txBox="1">
            <a:spLocks noGrp="1"/>
          </p:cNvSpPr>
          <p:nvPr>
            <p:ph type="subTitle" idx="1"/>
          </p:nvPr>
        </p:nvSpPr>
        <p:spPr>
          <a:xfrm>
            <a:off x="8303733" y="2601400"/>
            <a:ext cx="2528800" cy="626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05" name="Google Shape;205;p13"/>
          <p:cNvSpPr txBox="1">
            <a:spLocks noGrp="1"/>
          </p:cNvSpPr>
          <p:nvPr>
            <p:ph type="ctrTitle"/>
          </p:nvPr>
        </p:nvSpPr>
        <p:spPr>
          <a:xfrm>
            <a:off x="8303733" y="1946433"/>
            <a:ext cx="3964800" cy="790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06" name="Google Shape;206;p13"/>
          <p:cNvSpPr txBox="1">
            <a:spLocks noGrp="1"/>
          </p:cNvSpPr>
          <p:nvPr>
            <p:ph type="subTitle" idx="2"/>
          </p:nvPr>
        </p:nvSpPr>
        <p:spPr>
          <a:xfrm>
            <a:off x="8303733" y="3959267"/>
            <a:ext cx="2528800" cy="626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07" name="Google Shape;207;p13"/>
          <p:cNvSpPr txBox="1">
            <a:spLocks noGrp="1"/>
          </p:cNvSpPr>
          <p:nvPr>
            <p:ph type="ctrTitle" idx="3"/>
          </p:nvPr>
        </p:nvSpPr>
        <p:spPr>
          <a:xfrm>
            <a:off x="8303733" y="3304300"/>
            <a:ext cx="3964800" cy="790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08" name="Google Shape;208;p13"/>
          <p:cNvSpPr txBox="1">
            <a:spLocks noGrp="1"/>
          </p:cNvSpPr>
          <p:nvPr>
            <p:ph type="subTitle" idx="4"/>
          </p:nvPr>
        </p:nvSpPr>
        <p:spPr>
          <a:xfrm>
            <a:off x="8303733" y="5317133"/>
            <a:ext cx="2528800" cy="626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09" name="Google Shape;209;p13"/>
          <p:cNvSpPr txBox="1">
            <a:spLocks noGrp="1"/>
          </p:cNvSpPr>
          <p:nvPr>
            <p:ph type="ctrTitle" idx="5"/>
          </p:nvPr>
        </p:nvSpPr>
        <p:spPr>
          <a:xfrm>
            <a:off x="8303733" y="4662167"/>
            <a:ext cx="3964800" cy="790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10" name="Google Shape;210;p13"/>
          <p:cNvSpPr txBox="1">
            <a:spLocks noGrp="1"/>
          </p:cNvSpPr>
          <p:nvPr>
            <p:ph type="ctrTitle" idx="6"/>
          </p:nvPr>
        </p:nvSpPr>
        <p:spPr>
          <a:xfrm>
            <a:off x="1252700" y="689133"/>
            <a:ext cx="9720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645024469"/>
      </p:ext>
    </p:extLst>
  </p:cSld>
  <p:clrMapOvr>
    <a:masterClrMapping/>
  </p:clrMapOvr>
</p:sldLayout>
</file>

<file path=ppt/slideLayouts/slideLayout9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WO COLUMNS ">
  <p:cSld name="TWO COLUMNS ">
    <p:spTree>
      <p:nvGrpSpPr>
        <p:cNvPr id="1" name="Shape 2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12" name="Google Shape;212;p14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13" name="Google Shape;213;p14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4" name="Google Shape;214;p14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5" name="Google Shape;215;p14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6" name="Google Shape;216;p14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7" name="Google Shape;217;p14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8" name="Google Shape;218;p14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9" name="Google Shape;219;p14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0" name="Google Shape;220;p14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1" name="Google Shape;221;p14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2" name="Google Shape;222;p14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3" name="Google Shape;223;p14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4" name="Google Shape;224;p14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25" name="Google Shape;225;p14"/>
          <p:cNvSpPr txBox="1">
            <a:spLocks noGrp="1"/>
          </p:cNvSpPr>
          <p:nvPr>
            <p:ph type="subTitle" idx="1"/>
          </p:nvPr>
        </p:nvSpPr>
        <p:spPr>
          <a:xfrm>
            <a:off x="3111900" y="33652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26" name="Google Shape;226;p14"/>
          <p:cNvSpPr txBox="1">
            <a:spLocks noGrp="1"/>
          </p:cNvSpPr>
          <p:nvPr>
            <p:ph type="subTitle" idx="2"/>
          </p:nvPr>
        </p:nvSpPr>
        <p:spPr>
          <a:xfrm>
            <a:off x="6818067" y="33652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27" name="Google Shape;227;p14"/>
          <p:cNvSpPr txBox="1">
            <a:spLocks noGrp="1"/>
          </p:cNvSpPr>
          <p:nvPr>
            <p:ph type="ctrTitle"/>
          </p:nvPr>
        </p:nvSpPr>
        <p:spPr>
          <a:xfrm>
            <a:off x="3246884" y="23274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28" name="Google Shape;228;p14"/>
          <p:cNvSpPr txBox="1">
            <a:spLocks noGrp="1"/>
          </p:cNvSpPr>
          <p:nvPr>
            <p:ph type="ctrTitle" idx="3"/>
          </p:nvPr>
        </p:nvSpPr>
        <p:spPr>
          <a:xfrm>
            <a:off x="6953051" y="23274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43870755"/>
      </p:ext>
    </p:extLst>
  </p:cSld>
  <p:clrMapOvr>
    <a:masterClrMapping/>
  </p:clrMapOvr>
</p:sldLayout>
</file>

<file path=ppt/slideLayouts/slideLayout9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DESIGN 2">
  <p:cSld name="TITLE + DESIGN 2">
    <p:spTree>
      <p:nvGrpSpPr>
        <p:cNvPr id="1" name="Shape 2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0" name="Google Shape;230;p15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31" name="Google Shape;231;p15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2" name="Google Shape;232;p15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3" name="Google Shape;233;p15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4" name="Google Shape;234;p15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5" name="Google Shape;235;p15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6" name="Google Shape;236;p15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7" name="Google Shape;237;p15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8" name="Google Shape;238;p15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9" name="Google Shape;239;p15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0" name="Google Shape;240;p15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1" name="Google Shape;241;p15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2" name="Google Shape;242;p15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43" name="Google Shape;243;p15"/>
          <p:cNvSpPr txBox="1">
            <a:spLocks noGrp="1"/>
          </p:cNvSpPr>
          <p:nvPr>
            <p:ph type="ctrTitle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448231603"/>
      </p:ext>
    </p:extLst>
  </p:cSld>
  <p:clrMapOvr>
    <a:masterClrMapping/>
  </p:clrMapOvr>
</p:sldLayout>
</file>

<file path=ppt/slideLayouts/slideLayout9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SIX COLUMNS">
  <p:cSld name="TITLE + SIX COLUMNS">
    <p:spTree>
      <p:nvGrpSpPr>
        <p:cNvPr id="1" name="Shape 2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45" name="Google Shape;245;p16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46" name="Google Shape;246;p16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7" name="Google Shape;247;p16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8" name="Google Shape;248;p16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9" name="Google Shape;249;p16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0" name="Google Shape;250;p16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1" name="Google Shape;251;p16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2" name="Google Shape;252;p16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3" name="Google Shape;253;p16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4" name="Google Shape;254;p16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5" name="Google Shape;255;p16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6" name="Google Shape;256;p16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7" name="Google Shape;257;p16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58" name="Google Shape;258;p16"/>
          <p:cNvSpPr txBox="1">
            <a:spLocks noGrp="1"/>
          </p:cNvSpPr>
          <p:nvPr>
            <p:ph type="subTitle" idx="1"/>
          </p:nvPr>
        </p:nvSpPr>
        <p:spPr>
          <a:xfrm>
            <a:off x="1974803" y="28445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59" name="Google Shape;259;p16"/>
          <p:cNvSpPr txBox="1">
            <a:spLocks noGrp="1"/>
          </p:cNvSpPr>
          <p:nvPr>
            <p:ph type="subTitle" idx="2"/>
          </p:nvPr>
        </p:nvSpPr>
        <p:spPr>
          <a:xfrm>
            <a:off x="4969788" y="28445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0" name="Google Shape;260;p16"/>
          <p:cNvSpPr txBox="1">
            <a:spLocks noGrp="1"/>
          </p:cNvSpPr>
          <p:nvPr>
            <p:ph type="subTitle" idx="3"/>
          </p:nvPr>
        </p:nvSpPr>
        <p:spPr>
          <a:xfrm>
            <a:off x="7964777" y="28445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1" name="Google Shape;261;p16"/>
          <p:cNvSpPr txBox="1">
            <a:spLocks noGrp="1"/>
          </p:cNvSpPr>
          <p:nvPr>
            <p:ph type="ctrTitle"/>
          </p:nvPr>
        </p:nvSpPr>
        <p:spPr>
          <a:xfrm>
            <a:off x="1885017" y="17657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2" name="Google Shape;262;p16"/>
          <p:cNvSpPr txBox="1">
            <a:spLocks noGrp="1"/>
          </p:cNvSpPr>
          <p:nvPr>
            <p:ph type="ctrTitle" idx="4"/>
          </p:nvPr>
        </p:nvSpPr>
        <p:spPr>
          <a:xfrm>
            <a:off x="4880020" y="17657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3" name="Google Shape;263;p16"/>
          <p:cNvSpPr txBox="1">
            <a:spLocks noGrp="1"/>
          </p:cNvSpPr>
          <p:nvPr>
            <p:ph type="ctrTitle" idx="5"/>
          </p:nvPr>
        </p:nvSpPr>
        <p:spPr>
          <a:xfrm>
            <a:off x="7874997" y="17657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4" name="Google Shape;264;p16"/>
          <p:cNvSpPr txBox="1">
            <a:spLocks noGrp="1"/>
          </p:cNvSpPr>
          <p:nvPr>
            <p:ph type="subTitle" idx="6"/>
          </p:nvPr>
        </p:nvSpPr>
        <p:spPr>
          <a:xfrm>
            <a:off x="1974803" y="49908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5" name="Google Shape;265;p16"/>
          <p:cNvSpPr txBox="1">
            <a:spLocks noGrp="1"/>
          </p:cNvSpPr>
          <p:nvPr>
            <p:ph type="subTitle" idx="7"/>
          </p:nvPr>
        </p:nvSpPr>
        <p:spPr>
          <a:xfrm>
            <a:off x="4969788" y="49908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6" name="Google Shape;266;p16"/>
          <p:cNvSpPr txBox="1">
            <a:spLocks noGrp="1"/>
          </p:cNvSpPr>
          <p:nvPr>
            <p:ph type="subTitle" idx="8"/>
          </p:nvPr>
        </p:nvSpPr>
        <p:spPr>
          <a:xfrm>
            <a:off x="7964760" y="49908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7" name="Google Shape;267;p16"/>
          <p:cNvSpPr txBox="1">
            <a:spLocks noGrp="1"/>
          </p:cNvSpPr>
          <p:nvPr>
            <p:ph type="ctrTitle" idx="9"/>
          </p:nvPr>
        </p:nvSpPr>
        <p:spPr>
          <a:xfrm>
            <a:off x="1885000" y="39120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8" name="Google Shape;268;p16"/>
          <p:cNvSpPr txBox="1">
            <a:spLocks noGrp="1"/>
          </p:cNvSpPr>
          <p:nvPr>
            <p:ph type="ctrTitle" idx="13"/>
          </p:nvPr>
        </p:nvSpPr>
        <p:spPr>
          <a:xfrm>
            <a:off x="4880004" y="39120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9" name="Google Shape;269;p16"/>
          <p:cNvSpPr txBox="1">
            <a:spLocks noGrp="1"/>
          </p:cNvSpPr>
          <p:nvPr>
            <p:ph type="ctrTitle" idx="14"/>
          </p:nvPr>
        </p:nvSpPr>
        <p:spPr>
          <a:xfrm>
            <a:off x="7874981" y="39120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70" name="Google Shape;270;p16"/>
          <p:cNvSpPr txBox="1">
            <a:spLocks noGrp="1"/>
          </p:cNvSpPr>
          <p:nvPr>
            <p:ph type="ctrTitle" idx="15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982804515"/>
      </p:ext>
    </p:extLst>
  </p:cSld>
  <p:clrMapOvr>
    <a:masterClrMapping/>
  </p:clrMapOvr>
</p:sldLayout>
</file>

<file path=ppt/slideLayouts/slideLayout9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HANKS &amp; CREDITS">
  <p:cSld name="THANKS &amp; CREDITS">
    <p:spTree>
      <p:nvGrpSpPr>
        <p:cNvPr id="1" name="Shape 2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72" name="Google Shape;272;p17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73" name="Google Shape;273;p17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4" name="Google Shape;274;p17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5" name="Google Shape;275;p17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6" name="Google Shape;276;p17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7" name="Google Shape;277;p17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8" name="Google Shape;278;p17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9" name="Google Shape;279;p17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0" name="Google Shape;280;p17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1" name="Google Shape;281;p17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2" name="Google Shape;282;p17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3" name="Google Shape;283;p17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4" name="Google Shape;284;p17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85" name="Google Shape;285;p17"/>
          <p:cNvSpPr txBox="1">
            <a:spLocks noGrp="1"/>
          </p:cNvSpPr>
          <p:nvPr>
            <p:ph type="ctrTitle"/>
          </p:nvPr>
        </p:nvSpPr>
        <p:spPr>
          <a:xfrm>
            <a:off x="1252700" y="1197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3600"/>
              <a:buFont typeface="Permanent Marker"/>
              <a:buNone/>
              <a:defRPr sz="48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86" name="Google Shape;286;p17"/>
          <p:cNvSpPr txBox="1">
            <a:spLocks noGrp="1"/>
          </p:cNvSpPr>
          <p:nvPr>
            <p:ph type="subTitle" idx="1"/>
          </p:nvPr>
        </p:nvSpPr>
        <p:spPr>
          <a:xfrm>
            <a:off x="1252700" y="2739400"/>
            <a:ext cx="3888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87" name="Google Shape;287;p17"/>
          <p:cNvSpPr txBox="1"/>
          <p:nvPr/>
        </p:nvSpPr>
        <p:spPr>
          <a:xfrm>
            <a:off x="1252700" y="4710800"/>
            <a:ext cx="4138000" cy="1358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CREDITS: This presentation template was created by </a:t>
            </a:r>
            <a:r>
              <a:rPr kumimoji="0" lang="en" sz="1067" b="1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2"/>
              </a:rPr>
              <a:t>Slidesgo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, including icons by </a:t>
            </a:r>
            <a:r>
              <a:rPr kumimoji="0" lang="en" sz="1067" b="1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3"/>
              </a:rPr>
              <a:t>Flatico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3"/>
              </a:rPr>
              <a:t>n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, and infographics &amp; images by </a:t>
            </a:r>
            <a:r>
              <a:rPr kumimoji="0" lang="en" sz="1067" b="1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4"/>
              </a:rPr>
              <a:t>Freepik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. </a:t>
            </a:r>
            <a:endParaRPr kumimoji="0" sz="10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omfortaa"/>
              <a:ea typeface="Comfortaa"/>
              <a:cs typeface="Comfortaa"/>
              <a:sym typeface="Comfortaa"/>
            </a:endParaRPr>
          </a:p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0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omfortaa"/>
              <a:ea typeface="Comfortaa"/>
              <a:cs typeface="Comfortaa"/>
              <a:sym typeface="Comfortaa"/>
            </a:endParaRPr>
          </a:p>
        </p:txBody>
      </p:sp>
    </p:spTree>
    <p:extLst>
      <p:ext uri="{BB962C8B-B14F-4D97-AF65-F5344CB8AC3E}">
        <p14:creationId xmlns:p14="http://schemas.microsoft.com/office/powerpoint/2010/main" val="2629190030"/>
      </p:ext>
    </p:extLst>
  </p:cSld>
  <p:clrMapOvr>
    <a:masterClrMapping/>
  </p:clrMapOvr>
</p:sldLayout>
</file>

<file path=ppt/slideLayouts/slideLayout9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BULLET POINTS">
  <p:cSld name="1_TITLE + BULLET POINTS">
    <p:spTree>
      <p:nvGrpSpPr>
        <p:cNvPr id="1" name="Shape 2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89" name="Google Shape;289;p18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90" name="Google Shape;290;p18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1" name="Google Shape;291;p18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2" name="Google Shape;292;p18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3" name="Google Shape;293;p18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4" name="Google Shape;294;p18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5" name="Google Shape;295;p18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6" name="Google Shape;296;p18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7" name="Google Shape;297;p18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8" name="Google Shape;298;p18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9" name="Google Shape;299;p18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0" name="Google Shape;300;p18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1" name="Google Shape;301;p18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302" name="Google Shape;302;p18"/>
          <p:cNvSpPr txBox="1">
            <a:spLocks noGrp="1"/>
          </p:cNvSpPr>
          <p:nvPr>
            <p:ph type="ctrTitle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303" name="Google Shape;303;p18"/>
          <p:cNvSpPr txBox="1">
            <a:spLocks noGrp="1"/>
          </p:cNvSpPr>
          <p:nvPr>
            <p:ph type="body" idx="1"/>
          </p:nvPr>
        </p:nvSpPr>
        <p:spPr>
          <a:xfrm>
            <a:off x="1479551" y="2057400"/>
            <a:ext cx="4419600" cy="4161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397923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1pPr>
            <a:lvl2pPr marL="1219170" lvl="1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2pPr>
            <a:lvl3pPr marL="1828754" lvl="2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3pPr>
            <a:lvl4pPr marL="2438339" lvl="3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4pPr>
            <a:lvl5pPr marL="3047924" lvl="4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5pPr>
            <a:lvl6pPr marL="3657509" lvl="5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6pPr>
            <a:lvl7pPr marL="4267093" lvl="6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7pPr>
            <a:lvl8pPr marL="4876678" lvl="7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8pPr>
            <a:lvl9pPr marL="5486263" lvl="8" indent="-397923" rtl="0">
              <a:lnSpc>
                <a:spcPct val="115000"/>
              </a:lnSpc>
              <a:spcBef>
                <a:spcPts val="2133"/>
              </a:spcBef>
              <a:spcAft>
                <a:spcPts val="2133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  <p:sp>
        <p:nvSpPr>
          <p:cNvPr id="304" name="Google Shape;304;p18"/>
          <p:cNvSpPr txBox="1">
            <a:spLocks noGrp="1"/>
          </p:cNvSpPr>
          <p:nvPr>
            <p:ph type="body" idx="2"/>
          </p:nvPr>
        </p:nvSpPr>
        <p:spPr>
          <a:xfrm>
            <a:off x="6292851" y="2057400"/>
            <a:ext cx="4419600" cy="4161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397923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1pPr>
            <a:lvl2pPr marL="1219170" lvl="1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2pPr>
            <a:lvl3pPr marL="1828754" lvl="2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3pPr>
            <a:lvl4pPr marL="2438339" lvl="3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4pPr>
            <a:lvl5pPr marL="3047924" lvl="4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5pPr>
            <a:lvl6pPr marL="3657509" lvl="5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6pPr>
            <a:lvl7pPr marL="4267093" lvl="6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7pPr>
            <a:lvl8pPr marL="4876678" lvl="7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8pPr>
            <a:lvl9pPr marL="5486263" lvl="8" indent="-397923" rtl="0">
              <a:lnSpc>
                <a:spcPct val="115000"/>
              </a:lnSpc>
              <a:spcBef>
                <a:spcPts val="2133"/>
              </a:spcBef>
              <a:spcAft>
                <a:spcPts val="2133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912695188"/>
      </p:ext>
    </p:extLst>
  </p:cSld>
  <p:clrMapOvr>
    <a:masterClrMapping/>
  </p:clrMapOvr>
</p:sldLayout>
</file>

<file path=ppt/slideLayouts/slideLayout9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">
  <p:cSld name="BACKGROUND"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06" name="Google Shape;306;p19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307" name="Google Shape;307;p19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8" name="Google Shape;308;p19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9" name="Google Shape;309;p19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0" name="Google Shape;310;p19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1" name="Google Shape;311;p19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2" name="Google Shape;312;p19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3" name="Google Shape;313;p19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4" name="Google Shape;314;p19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5" name="Google Shape;315;p19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6" name="Google Shape;316;p19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7" name="Google Shape;317;p19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8" name="Google Shape;318;p19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</p:spTree>
    <p:extLst>
      <p:ext uri="{BB962C8B-B14F-4D97-AF65-F5344CB8AC3E}">
        <p14:creationId xmlns:p14="http://schemas.microsoft.com/office/powerpoint/2010/main" val="4141583644"/>
      </p:ext>
    </p:extLst>
  </p:cSld>
  <p:clrMapOvr>
    <a:masterClrMapping/>
  </p:clrMapOvr>
</p:sldLayout>
</file>

<file path=ppt/slideLayouts/slideLayout9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 SLIDE">
  <p:cSld name="BLANK SLIDE">
    <p:spTree>
      <p:nvGrpSpPr>
        <p:cNvPr id="1" name="Shape 319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43513379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10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18.xml"/><Relationship Id="rId3" Type="http://schemas.openxmlformats.org/officeDocument/2006/relationships/slideLayout" Target="../slideLayouts/slideLayout113.xml"/><Relationship Id="rId7" Type="http://schemas.openxmlformats.org/officeDocument/2006/relationships/slideLayout" Target="../slideLayouts/slideLayout117.xml"/><Relationship Id="rId12" Type="http://schemas.openxmlformats.org/officeDocument/2006/relationships/theme" Target="../theme/theme10.xml"/><Relationship Id="rId2" Type="http://schemas.openxmlformats.org/officeDocument/2006/relationships/slideLayout" Target="../slideLayouts/slideLayout112.xml"/><Relationship Id="rId1" Type="http://schemas.openxmlformats.org/officeDocument/2006/relationships/slideLayout" Target="../slideLayouts/slideLayout111.xml"/><Relationship Id="rId6" Type="http://schemas.openxmlformats.org/officeDocument/2006/relationships/slideLayout" Target="../slideLayouts/slideLayout116.xml"/><Relationship Id="rId11" Type="http://schemas.openxmlformats.org/officeDocument/2006/relationships/slideLayout" Target="../slideLayouts/slideLayout121.xml"/><Relationship Id="rId5" Type="http://schemas.openxmlformats.org/officeDocument/2006/relationships/slideLayout" Target="../slideLayouts/slideLayout115.xml"/><Relationship Id="rId10" Type="http://schemas.openxmlformats.org/officeDocument/2006/relationships/slideLayout" Target="../slideLayouts/slideLayout120.xml"/><Relationship Id="rId4" Type="http://schemas.openxmlformats.org/officeDocument/2006/relationships/slideLayout" Target="../slideLayouts/slideLayout114.xml"/><Relationship Id="rId9" Type="http://schemas.openxmlformats.org/officeDocument/2006/relationships/slideLayout" Target="../slideLayouts/slideLayout11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0.xml"/><Relationship Id="rId3" Type="http://schemas.openxmlformats.org/officeDocument/2006/relationships/slideLayout" Target="../slideLayouts/slideLayout25.xml"/><Relationship Id="rId7" Type="http://schemas.openxmlformats.org/officeDocument/2006/relationships/slideLayout" Target="../slideLayouts/slideLayout29.xml"/><Relationship Id="rId12" Type="http://schemas.openxmlformats.org/officeDocument/2006/relationships/theme" Target="../theme/theme3.xml"/><Relationship Id="rId2" Type="http://schemas.openxmlformats.org/officeDocument/2006/relationships/slideLayout" Target="../slideLayouts/slideLayout24.xml"/><Relationship Id="rId1" Type="http://schemas.openxmlformats.org/officeDocument/2006/relationships/slideLayout" Target="../slideLayouts/slideLayout23.xml"/><Relationship Id="rId6" Type="http://schemas.openxmlformats.org/officeDocument/2006/relationships/slideLayout" Target="../slideLayouts/slideLayout28.xml"/><Relationship Id="rId11" Type="http://schemas.openxmlformats.org/officeDocument/2006/relationships/slideLayout" Target="../slideLayouts/slideLayout33.xml"/><Relationship Id="rId5" Type="http://schemas.openxmlformats.org/officeDocument/2006/relationships/slideLayout" Target="../slideLayouts/slideLayout27.xml"/><Relationship Id="rId10" Type="http://schemas.openxmlformats.org/officeDocument/2006/relationships/slideLayout" Target="../slideLayouts/slideLayout32.xml"/><Relationship Id="rId4" Type="http://schemas.openxmlformats.org/officeDocument/2006/relationships/slideLayout" Target="../slideLayouts/slideLayout26.xml"/><Relationship Id="rId9" Type="http://schemas.openxmlformats.org/officeDocument/2006/relationships/slideLayout" Target="../slideLayouts/slideLayout31.xml"/></Relationships>
</file>

<file path=ppt/slideMasters/_rels/slideMaster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41.xml"/><Relationship Id="rId3" Type="http://schemas.openxmlformats.org/officeDocument/2006/relationships/slideLayout" Target="../slideLayouts/slideLayout36.xml"/><Relationship Id="rId7" Type="http://schemas.openxmlformats.org/officeDocument/2006/relationships/slideLayout" Target="../slideLayouts/slideLayout40.xml"/><Relationship Id="rId12" Type="http://schemas.openxmlformats.org/officeDocument/2006/relationships/theme" Target="../theme/theme4.xml"/><Relationship Id="rId2" Type="http://schemas.openxmlformats.org/officeDocument/2006/relationships/slideLayout" Target="../slideLayouts/slideLayout35.xml"/><Relationship Id="rId1" Type="http://schemas.openxmlformats.org/officeDocument/2006/relationships/slideLayout" Target="../slideLayouts/slideLayout34.xml"/><Relationship Id="rId6" Type="http://schemas.openxmlformats.org/officeDocument/2006/relationships/slideLayout" Target="../slideLayouts/slideLayout39.xml"/><Relationship Id="rId11" Type="http://schemas.openxmlformats.org/officeDocument/2006/relationships/slideLayout" Target="../slideLayouts/slideLayout44.xml"/><Relationship Id="rId5" Type="http://schemas.openxmlformats.org/officeDocument/2006/relationships/slideLayout" Target="../slideLayouts/slideLayout38.xml"/><Relationship Id="rId10" Type="http://schemas.openxmlformats.org/officeDocument/2006/relationships/slideLayout" Target="../slideLayouts/slideLayout43.xml"/><Relationship Id="rId4" Type="http://schemas.openxmlformats.org/officeDocument/2006/relationships/slideLayout" Target="../slideLayouts/slideLayout37.xml"/><Relationship Id="rId9" Type="http://schemas.openxmlformats.org/officeDocument/2006/relationships/slideLayout" Target="../slideLayouts/slideLayout42.xml"/></Relationships>
</file>

<file path=ppt/slideMasters/_rels/slideMaster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52.xml"/><Relationship Id="rId13" Type="http://schemas.openxmlformats.org/officeDocument/2006/relationships/slideLayout" Target="../slideLayouts/slideLayout57.xml"/><Relationship Id="rId3" Type="http://schemas.openxmlformats.org/officeDocument/2006/relationships/slideLayout" Target="../slideLayouts/slideLayout47.xml"/><Relationship Id="rId7" Type="http://schemas.openxmlformats.org/officeDocument/2006/relationships/slideLayout" Target="../slideLayouts/slideLayout51.xml"/><Relationship Id="rId12" Type="http://schemas.openxmlformats.org/officeDocument/2006/relationships/slideLayout" Target="../slideLayouts/slideLayout56.xml"/><Relationship Id="rId2" Type="http://schemas.openxmlformats.org/officeDocument/2006/relationships/slideLayout" Target="../slideLayouts/slideLayout46.xml"/><Relationship Id="rId1" Type="http://schemas.openxmlformats.org/officeDocument/2006/relationships/slideLayout" Target="../slideLayouts/slideLayout45.xml"/><Relationship Id="rId6" Type="http://schemas.openxmlformats.org/officeDocument/2006/relationships/slideLayout" Target="../slideLayouts/slideLayout50.xml"/><Relationship Id="rId11" Type="http://schemas.openxmlformats.org/officeDocument/2006/relationships/slideLayout" Target="../slideLayouts/slideLayout55.xml"/><Relationship Id="rId5" Type="http://schemas.openxmlformats.org/officeDocument/2006/relationships/slideLayout" Target="../slideLayouts/slideLayout49.xml"/><Relationship Id="rId10" Type="http://schemas.openxmlformats.org/officeDocument/2006/relationships/slideLayout" Target="../slideLayouts/slideLayout54.xml"/><Relationship Id="rId4" Type="http://schemas.openxmlformats.org/officeDocument/2006/relationships/slideLayout" Target="../slideLayouts/slideLayout48.xml"/><Relationship Id="rId9" Type="http://schemas.openxmlformats.org/officeDocument/2006/relationships/slideLayout" Target="../slideLayouts/slideLayout53.xml"/><Relationship Id="rId14" Type="http://schemas.openxmlformats.org/officeDocument/2006/relationships/theme" Target="../theme/theme5.xml"/></Relationships>
</file>

<file path=ppt/slideMasters/_rels/slideMaster6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65.xml"/><Relationship Id="rId13" Type="http://schemas.openxmlformats.org/officeDocument/2006/relationships/theme" Target="../theme/theme6.xml"/><Relationship Id="rId3" Type="http://schemas.openxmlformats.org/officeDocument/2006/relationships/slideLayout" Target="../slideLayouts/slideLayout60.xml"/><Relationship Id="rId7" Type="http://schemas.openxmlformats.org/officeDocument/2006/relationships/slideLayout" Target="../slideLayouts/slideLayout64.xml"/><Relationship Id="rId12" Type="http://schemas.openxmlformats.org/officeDocument/2006/relationships/slideLayout" Target="../slideLayouts/slideLayout69.xml"/><Relationship Id="rId2" Type="http://schemas.openxmlformats.org/officeDocument/2006/relationships/slideLayout" Target="../slideLayouts/slideLayout59.xml"/><Relationship Id="rId1" Type="http://schemas.openxmlformats.org/officeDocument/2006/relationships/slideLayout" Target="../slideLayouts/slideLayout58.xml"/><Relationship Id="rId6" Type="http://schemas.openxmlformats.org/officeDocument/2006/relationships/slideLayout" Target="../slideLayouts/slideLayout63.xml"/><Relationship Id="rId11" Type="http://schemas.openxmlformats.org/officeDocument/2006/relationships/slideLayout" Target="../slideLayouts/slideLayout68.xml"/><Relationship Id="rId5" Type="http://schemas.openxmlformats.org/officeDocument/2006/relationships/slideLayout" Target="../slideLayouts/slideLayout62.xml"/><Relationship Id="rId10" Type="http://schemas.openxmlformats.org/officeDocument/2006/relationships/slideLayout" Target="../slideLayouts/slideLayout67.xml"/><Relationship Id="rId4" Type="http://schemas.openxmlformats.org/officeDocument/2006/relationships/slideLayout" Target="../slideLayouts/slideLayout61.xml"/><Relationship Id="rId9" Type="http://schemas.openxmlformats.org/officeDocument/2006/relationships/slideLayout" Target="../slideLayouts/slideLayout66.xml"/></Relationships>
</file>

<file path=ppt/slideMasters/_rels/slideMaster7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77.xml"/><Relationship Id="rId3" Type="http://schemas.openxmlformats.org/officeDocument/2006/relationships/slideLayout" Target="../slideLayouts/slideLayout72.xml"/><Relationship Id="rId7" Type="http://schemas.openxmlformats.org/officeDocument/2006/relationships/slideLayout" Target="../slideLayouts/slideLayout76.xml"/><Relationship Id="rId12" Type="http://schemas.openxmlformats.org/officeDocument/2006/relationships/theme" Target="../theme/theme7.xml"/><Relationship Id="rId2" Type="http://schemas.openxmlformats.org/officeDocument/2006/relationships/slideLayout" Target="../slideLayouts/slideLayout71.xml"/><Relationship Id="rId1" Type="http://schemas.openxmlformats.org/officeDocument/2006/relationships/slideLayout" Target="../slideLayouts/slideLayout70.xml"/><Relationship Id="rId6" Type="http://schemas.openxmlformats.org/officeDocument/2006/relationships/slideLayout" Target="../slideLayouts/slideLayout75.xml"/><Relationship Id="rId11" Type="http://schemas.openxmlformats.org/officeDocument/2006/relationships/slideLayout" Target="../slideLayouts/slideLayout80.xml"/><Relationship Id="rId5" Type="http://schemas.openxmlformats.org/officeDocument/2006/relationships/slideLayout" Target="../slideLayouts/slideLayout74.xml"/><Relationship Id="rId10" Type="http://schemas.openxmlformats.org/officeDocument/2006/relationships/slideLayout" Target="../slideLayouts/slideLayout79.xml"/><Relationship Id="rId4" Type="http://schemas.openxmlformats.org/officeDocument/2006/relationships/slideLayout" Target="../slideLayouts/slideLayout73.xml"/><Relationship Id="rId9" Type="http://schemas.openxmlformats.org/officeDocument/2006/relationships/slideLayout" Target="../slideLayouts/slideLayout78.xml"/></Relationships>
</file>

<file path=ppt/slideMasters/_rels/slideMaster8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8.xml"/><Relationship Id="rId13" Type="http://schemas.openxmlformats.org/officeDocument/2006/relationships/slideLayout" Target="../slideLayouts/slideLayout93.xml"/><Relationship Id="rId18" Type="http://schemas.openxmlformats.org/officeDocument/2006/relationships/slideLayout" Target="../slideLayouts/slideLayout98.xml"/><Relationship Id="rId3" Type="http://schemas.openxmlformats.org/officeDocument/2006/relationships/slideLayout" Target="../slideLayouts/slideLayout83.xml"/><Relationship Id="rId7" Type="http://schemas.openxmlformats.org/officeDocument/2006/relationships/slideLayout" Target="../slideLayouts/slideLayout87.xml"/><Relationship Id="rId12" Type="http://schemas.openxmlformats.org/officeDocument/2006/relationships/slideLayout" Target="../slideLayouts/slideLayout92.xml"/><Relationship Id="rId17" Type="http://schemas.openxmlformats.org/officeDocument/2006/relationships/slideLayout" Target="../slideLayouts/slideLayout97.xml"/><Relationship Id="rId2" Type="http://schemas.openxmlformats.org/officeDocument/2006/relationships/slideLayout" Target="../slideLayouts/slideLayout82.xml"/><Relationship Id="rId16" Type="http://schemas.openxmlformats.org/officeDocument/2006/relationships/slideLayout" Target="../slideLayouts/slideLayout96.xml"/><Relationship Id="rId20" Type="http://schemas.openxmlformats.org/officeDocument/2006/relationships/theme" Target="../theme/theme8.xml"/><Relationship Id="rId1" Type="http://schemas.openxmlformats.org/officeDocument/2006/relationships/slideLayout" Target="../slideLayouts/slideLayout81.xml"/><Relationship Id="rId6" Type="http://schemas.openxmlformats.org/officeDocument/2006/relationships/slideLayout" Target="../slideLayouts/slideLayout86.xml"/><Relationship Id="rId11" Type="http://schemas.openxmlformats.org/officeDocument/2006/relationships/slideLayout" Target="../slideLayouts/slideLayout91.xml"/><Relationship Id="rId5" Type="http://schemas.openxmlformats.org/officeDocument/2006/relationships/slideLayout" Target="../slideLayouts/slideLayout85.xml"/><Relationship Id="rId15" Type="http://schemas.openxmlformats.org/officeDocument/2006/relationships/slideLayout" Target="../slideLayouts/slideLayout95.xml"/><Relationship Id="rId10" Type="http://schemas.openxmlformats.org/officeDocument/2006/relationships/slideLayout" Target="../slideLayouts/slideLayout90.xml"/><Relationship Id="rId19" Type="http://schemas.openxmlformats.org/officeDocument/2006/relationships/slideLayout" Target="../slideLayouts/slideLayout99.xml"/><Relationship Id="rId4" Type="http://schemas.openxmlformats.org/officeDocument/2006/relationships/slideLayout" Target="../slideLayouts/slideLayout84.xml"/><Relationship Id="rId9" Type="http://schemas.openxmlformats.org/officeDocument/2006/relationships/slideLayout" Target="../slideLayouts/slideLayout89.xml"/><Relationship Id="rId14" Type="http://schemas.openxmlformats.org/officeDocument/2006/relationships/slideLayout" Target="../slideLayouts/slideLayout94.xml"/></Relationships>
</file>

<file path=ppt/slideMasters/_rels/slideMaster9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07.xml"/><Relationship Id="rId3" Type="http://schemas.openxmlformats.org/officeDocument/2006/relationships/slideLayout" Target="../slideLayouts/slideLayout102.xml"/><Relationship Id="rId7" Type="http://schemas.openxmlformats.org/officeDocument/2006/relationships/slideLayout" Target="../slideLayouts/slideLayout106.xml"/><Relationship Id="rId12" Type="http://schemas.openxmlformats.org/officeDocument/2006/relationships/theme" Target="../theme/theme9.xml"/><Relationship Id="rId2" Type="http://schemas.openxmlformats.org/officeDocument/2006/relationships/slideLayout" Target="../slideLayouts/slideLayout101.xml"/><Relationship Id="rId1" Type="http://schemas.openxmlformats.org/officeDocument/2006/relationships/slideLayout" Target="../slideLayouts/slideLayout100.xml"/><Relationship Id="rId6" Type="http://schemas.openxmlformats.org/officeDocument/2006/relationships/slideLayout" Target="../slideLayouts/slideLayout105.xml"/><Relationship Id="rId11" Type="http://schemas.openxmlformats.org/officeDocument/2006/relationships/slideLayout" Target="../slideLayouts/slideLayout110.xml"/><Relationship Id="rId5" Type="http://schemas.openxmlformats.org/officeDocument/2006/relationships/slideLayout" Target="../slideLayouts/slideLayout104.xml"/><Relationship Id="rId10" Type="http://schemas.openxmlformats.org/officeDocument/2006/relationships/slideLayout" Target="../slideLayouts/slideLayout109.xml"/><Relationship Id="rId4" Type="http://schemas.openxmlformats.org/officeDocument/2006/relationships/slideLayout" Target="../slideLayouts/slideLayout103.xml"/><Relationship Id="rId9" Type="http://schemas.openxmlformats.org/officeDocument/2006/relationships/slideLayout" Target="../slideLayouts/slideLayout108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1">
                <a:lumMod val="95000"/>
              </a:schemeClr>
            </a:gs>
            <a:gs pos="100000">
              <a:schemeClr val="accent1">
                <a:lumMod val="20000"/>
                <a:lumOff val="80000"/>
              </a:schemeClr>
            </a:gs>
            <a:gs pos="100000">
              <a:srgbClr val="B1C4D2"/>
            </a:gs>
            <a:gs pos="100000">
              <a:srgbClr val="95AFC0"/>
            </a:gs>
          </a:gsLst>
          <a:lin ang="54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6078168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0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304800" y="183092"/>
            <a:ext cx="5486400" cy="762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66800"/>
            <a:ext cx="5486400" cy="301730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304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082800" y="4237567"/>
            <a:ext cx="1930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368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6744268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20" r:id="rId1"/>
    <p:sldLayoutId id="2147483821" r:id="rId2"/>
    <p:sldLayoutId id="2147483822" r:id="rId3"/>
    <p:sldLayoutId id="2147483823" r:id="rId4"/>
    <p:sldLayoutId id="2147483824" r:id="rId5"/>
    <p:sldLayoutId id="2147483825" r:id="rId6"/>
    <p:sldLayoutId id="2147483826" r:id="rId7"/>
    <p:sldLayoutId id="2147483827" r:id="rId8"/>
    <p:sldLayoutId id="2147483828" r:id="rId9"/>
    <p:sldLayoutId id="2147483829" r:id="rId10"/>
    <p:sldLayoutId id="2147483830" r:id="rId11"/>
  </p:sldLayoutIdLst>
  <p:txStyles>
    <p:titleStyle>
      <a:lvl1pPr algn="ctr" defTabSz="609630" rtl="0" eaLnBrk="1" latinLnBrk="0" hangingPunct="1">
        <a:spcBef>
          <a:spcPct val="0"/>
        </a:spcBef>
        <a:buNone/>
        <a:defRPr sz="2933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11" indent="-228611" algn="l" defTabSz="609630" rtl="0" eaLnBrk="1" latinLnBrk="0" hangingPunct="1">
        <a:spcBef>
          <a:spcPct val="20000"/>
        </a:spcBef>
        <a:buFont typeface="Arial" pitchFamily="34" charset="0"/>
        <a:buChar char="•"/>
        <a:defRPr sz="2133" kern="1200">
          <a:solidFill>
            <a:schemeClr val="tx1"/>
          </a:solidFill>
          <a:latin typeface="+mn-lt"/>
          <a:ea typeface="+mn-ea"/>
          <a:cs typeface="+mn-cs"/>
        </a:defRPr>
      </a:lvl1pPr>
      <a:lvl2pPr marL="495325" indent="-190510" algn="l" defTabSz="609630" rtl="0" eaLnBrk="1" latinLnBrk="0" hangingPunct="1">
        <a:spcBef>
          <a:spcPct val="20000"/>
        </a:spcBef>
        <a:buFont typeface="Arial" pitchFamily="34" charset="0"/>
        <a:buChar char="–"/>
        <a:defRPr sz="1867" kern="1200">
          <a:solidFill>
            <a:schemeClr val="tx1"/>
          </a:solidFill>
          <a:latin typeface="+mn-lt"/>
          <a:ea typeface="+mn-ea"/>
          <a:cs typeface="+mn-cs"/>
        </a:defRPr>
      </a:lvl2pPr>
      <a:lvl3pPr marL="762038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066853" indent="-152408" algn="l" defTabSz="609630" rtl="0" eaLnBrk="1" latinLnBrk="0" hangingPunct="1">
        <a:spcBef>
          <a:spcPct val="20000"/>
        </a:spcBef>
        <a:buFont typeface="Arial" pitchFamily="34" charset="0"/>
        <a:buChar char="–"/>
        <a:defRPr sz="1333" kern="1200">
          <a:solidFill>
            <a:schemeClr val="tx1"/>
          </a:solidFill>
          <a:latin typeface="+mn-lt"/>
          <a:ea typeface="+mn-ea"/>
          <a:cs typeface="+mn-cs"/>
        </a:defRPr>
      </a:lvl4pPr>
      <a:lvl5pPr marL="1371669" indent="-152408" algn="l" defTabSz="609630" rtl="0" eaLnBrk="1" latinLnBrk="0" hangingPunct="1">
        <a:spcBef>
          <a:spcPct val="20000"/>
        </a:spcBef>
        <a:buFont typeface="Arial" pitchFamily="34" charset="0"/>
        <a:buChar char="»"/>
        <a:defRPr sz="1333" kern="1200">
          <a:solidFill>
            <a:schemeClr val="tx1"/>
          </a:solidFill>
          <a:latin typeface="+mn-lt"/>
          <a:ea typeface="+mn-ea"/>
          <a:cs typeface="+mn-cs"/>
        </a:defRPr>
      </a:lvl5pPr>
      <a:lvl6pPr marL="167648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6pPr>
      <a:lvl7pPr marL="1981299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7pPr>
      <a:lvl8pPr marL="228611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8pPr>
      <a:lvl9pPr marL="2590930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1pPr>
      <a:lvl2pPr marL="304815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2pPr>
      <a:lvl3pPr marL="60963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3pPr>
      <a:lvl4pPr marL="91444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4pPr>
      <a:lvl5pPr marL="121926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5pPr>
      <a:lvl6pPr marL="152407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89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7pPr>
      <a:lvl8pPr marL="2133707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8pPr>
      <a:lvl9pPr marL="2438522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1">
                <a:lumMod val="95000"/>
              </a:schemeClr>
            </a:gs>
            <a:gs pos="100000">
              <a:schemeClr val="accent1">
                <a:lumMod val="20000"/>
                <a:lumOff val="80000"/>
              </a:schemeClr>
            </a:gs>
            <a:gs pos="100000">
              <a:srgbClr val="B1C4D2"/>
            </a:gs>
            <a:gs pos="100000">
              <a:srgbClr val="95AFC0"/>
            </a:gs>
          </a:gsLst>
          <a:lin ang="54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9402508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6" r:id="rId1"/>
    <p:sldLayoutId id="2147483687" r:id="rId2"/>
    <p:sldLayoutId id="2147483688" r:id="rId3"/>
    <p:sldLayoutId id="2147483689" r:id="rId4"/>
    <p:sldLayoutId id="2147483690" r:id="rId5"/>
    <p:sldLayoutId id="2147483691" r:id="rId6"/>
    <p:sldLayoutId id="2147483692" r:id="rId7"/>
    <p:sldLayoutId id="2147483693" r:id="rId8"/>
    <p:sldLayoutId id="2147483694" r:id="rId9"/>
    <p:sldLayoutId id="2147483695" r:id="rId10"/>
    <p:sldLayoutId id="2147483696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1">
                <a:lumMod val="95000"/>
              </a:schemeClr>
            </a:gs>
            <a:gs pos="100000">
              <a:schemeClr val="accent1">
                <a:lumMod val="20000"/>
                <a:lumOff val="80000"/>
              </a:schemeClr>
            </a:gs>
            <a:gs pos="100000">
              <a:srgbClr val="B1C4D2"/>
            </a:gs>
            <a:gs pos="100000">
              <a:srgbClr val="95AFC0"/>
            </a:gs>
          </a:gsLst>
          <a:lin ang="54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5972AA3-EA5F-477F-9C43-587E652628F2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7EC0401-296B-4860-86F8-7A03D25305E4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9134787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1" r:id="rId1"/>
    <p:sldLayoutId id="2147483712" r:id="rId2"/>
    <p:sldLayoutId id="2147483713" r:id="rId3"/>
    <p:sldLayoutId id="2147483714" r:id="rId4"/>
    <p:sldLayoutId id="2147483715" r:id="rId5"/>
    <p:sldLayoutId id="2147483716" r:id="rId6"/>
    <p:sldLayoutId id="2147483717" r:id="rId7"/>
    <p:sldLayoutId id="2147483718" r:id="rId8"/>
    <p:sldLayoutId id="2147483719" r:id="rId9"/>
    <p:sldLayoutId id="2147483720" r:id="rId10"/>
    <p:sldLayoutId id="2147483721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1">
                <a:lumMod val="95000"/>
              </a:schemeClr>
            </a:gs>
            <a:gs pos="100000">
              <a:schemeClr val="accent1">
                <a:lumMod val="20000"/>
                <a:lumOff val="80000"/>
              </a:schemeClr>
            </a:gs>
            <a:gs pos="100000">
              <a:srgbClr val="B1C4D2"/>
            </a:gs>
            <a:gs pos="100000">
              <a:srgbClr val="95AFC0"/>
            </a:gs>
          </a:gsLst>
          <a:lin ang="54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23A8561-2E86-48CF-91B3-5FAB093C8A54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.12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5FB444C-8ECF-490E-B2C3-ECADC91D398F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8522805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36" r:id="rId1"/>
    <p:sldLayoutId id="2147483737" r:id="rId2"/>
    <p:sldLayoutId id="2147483738" r:id="rId3"/>
    <p:sldLayoutId id="2147483739" r:id="rId4"/>
    <p:sldLayoutId id="2147483740" r:id="rId5"/>
    <p:sldLayoutId id="2147483741" r:id="rId6"/>
    <p:sldLayoutId id="2147483742" r:id="rId7"/>
    <p:sldLayoutId id="2147483743" r:id="rId8"/>
    <p:sldLayoutId id="2147483744" r:id="rId9"/>
    <p:sldLayoutId id="2147483745" r:id="rId10"/>
    <p:sldLayoutId id="2147483746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5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gradFill flip="none" rotWithShape="1">
          <a:gsLst>
            <a:gs pos="0">
              <a:schemeClr val="bg1">
                <a:lumMod val="95000"/>
              </a:schemeClr>
            </a:gs>
            <a:gs pos="100000">
              <a:schemeClr val="accent1">
                <a:lumMod val="20000"/>
                <a:lumOff val="80000"/>
              </a:schemeClr>
            </a:gs>
            <a:gs pos="100000">
              <a:srgbClr val="B1C4D2"/>
            </a:gs>
            <a:gs pos="100000">
              <a:srgbClr val="95AFC0"/>
            </a:gs>
          </a:gsLst>
          <a:lin ang="54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45601175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48" r:id="rId1"/>
    <p:sldLayoutId id="2147483749" r:id="rId2"/>
    <p:sldLayoutId id="2147483750" r:id="rId3"/>
    <p:sldLayoutId id="2147483751" r:id="rId4"/>
    <p:sldLayoutId id="2147483752" r:id="rId5"/>
    <p:sldLayoutId id="2147483753" r:id="rId6"/>
    <p:sldLayoutId id="2147483755" r:id="rId7"/>
    <p:sldLayoutId id="2147483756" r:id="rId8"/>
    <p:sldLayoutId id="2147483757" r:id="rId9"/>
    <p:sldLayoutId id="2147483758" r:id="rId10"/>
    <p:sldLayoutId id="2147483759" r:id="rId11"/>
    <p:sldLayoutId id="2147483760" r:id="rId12"/>
    <p:sldLayoutId id="2147483761" r:id="rId13"/>
  </p:sldLayoutIdLst>
  <p:txStyles>
    <p:titleStyle>
      <a:lvl1pPr algn="ctr" defTabSz="1219170" rtl="0" eaLnBrk="1" latinLnBrk="1" hangingPunct="1">
        <a:spcBef>
          <a:spcPct val="0"/>
        </a:spcBef>
        <a:buNone/>
        <a:defRPr sz="5867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457189" indent="-457189" algn="l" defTabSz="1219170" rtl="0" eaLnBrk="1" latinLnBrk="1" hangingPunct="1">
        <a:spcBef>
          <a:spcPct val="20000"/>
        </a:spcBef>
        <a:buFont typeface="Arial" pitchFamily="34" charset="0"/>
        <a:buChar char="•"/>
        <a:defRPr sz="4267" kern="1200">
          <a:solidFill>
            <a:schemeClr val="tx1"/>
          </a:solidFill>
          <a:latin typeface="+mn-lt"/>
          <a:ea typeface="+mn-ea"/>
          <a:cs typeface="+mn-cs"/>
        </a:defRPr>
      </a:lvl1pPr>
      <a:lvl2pPr marL="990575" indent="-380990" algn="l" defTabSz="1219170" rtl="0" eaLnBrk="1" latinLnBrk="1" hangingPunct="1">
        <a:spcBef>
          <a:spcPct val="20000"/>
        </a:spcBef>
        <a:buFont typeface="Arial" pitchFamily="34" charset="0"/>
        <a:buChar char="–"/>
        <a:defRPr sz="3733" kern="1200">
          <a:solidFill>
            <a:schemeClr val="tx1"/>
          </a:solidFill>
          <a:latin typeface="+mn-lt"/>
          <a:ea typeface="+mn-ea"/>
          <a:cs typeface="+mn-cs"/>
        </a:defRPr>
      </a:lvl2pPr>
      <a:lvl3pPr marL="1523962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3pPr>
      <a:lvl4pPr marL="2133547" indent="-304792" algn="l" defTabSz="1219170" rtl="0" eaLnBrk="1" latinLnBrk="1" hangingPunct="1">
        <a:spcBef>
          <a:spcPct val="20000"/>
        </a:spcBef>
        <a:buFont typeface="Arial" pitchFamily="34" charset="0"/>
        <a:buChar char="–"/>
        <a:defRPr sz="2667" kern="1200">
          <a:solidFill>
            <a:schemeClr val="tx1"/>
          </a:solidFill>
          <a:latin typeface="+mn-lt"/>
          <a:ea typeface="+mn-ea"/>
          <a:cs typeface="+mn-cs"/>
        </a:defRPr>
      </a:lvl4pPr>
      <a:lvl5pPr marL="2743131" indent="-304792" algn="l" defTabSz="1219170" rtl="0" eaLnBrk="1" latinLnBrk="1" hangingPunct="1">
        <a:spcBef>
          <a:spcPct val="20000"/>
        </a:spcBef>
        <a:buFont typeface="Arial" pitchFamily="34" charset="0"/>
        <a:buChar char="»"/>
        <a:defRPr sz="2667" kern="1200">
          <a:solidFill>
            <a:schemeClr val="tx1"/>
          </a:solidFill>
          <a:latin typeface="+mn-lt"/>
          <a:ea typeface="+mn-ea"/>
          <a:cs typeface="+mn-cs"/>
        </a:defRPr>
      </a:lvl5pPr>
      <a:lvl6pPr marL="3352716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6pPr>
      <a:lvl7pPr marL="3962301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7pPr>
      <a:lvl8pPr marL="4571886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8pPr>
      <a:lvl9pPr marL="5181470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09585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219170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828754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4pPr>
      <a:lvl5pPr marL="2438339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5pPr>
      <a:lvl6pPr marL="3047924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6pPr>
      <a:lvl7pPr marL="3657509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7pPr>
      <a:lvl8pPr marL="4267093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8pPr>
      <a:lvl9pPr marL="4876678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6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869369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63" r:id="rId1"/>
    <p:sldLayoutId id="2147483764" r:id="rId2"/>
    <p:sldLayoutId id="2147483765" r:id="rId3"/>
    <p:sldLayoutId id="2147483766" r:id="rId4"/>
    <p:sldLayoutId id="2147483767" r:id="rId5"/>
    <p:sldLayoutId id="2147483768" r:id="rId6"/>
    <p:sldLayoutId id="2147483769" r:id="rId7"/>
    <p:sldLayoutId id="2147483770" r:id="rId8"/>
    <p:sldLayoutId id="2147483771" r:id="rId9"/>
    <p:sldLayoutId id="2147483772" r:id="rId10"/>
    <p:sldLayoutId id="2147483773" r:id="rId11"/>
    <p:sldLayoutId id="2147483774" r:id="rId12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7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accent3">
                <a:lumMod val="20000"/>
                <a:lumOff val="80000"/>
              </a:schemeClr>
            </a:gs>
            <a:gs pos="84000">
              <a:schemeClr val="accent1">
                <a:lumMod val="20000"/>
                <a:lumOff val="80000"/>
              </a:schemeClr>
            </a:gs>
          </a:gsLst>
          <a:lin ang="162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DF3B1DC3-BDFE-4447-900D-C0B2245A649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7CC7524-A439-453B-865A-F7957E63DCE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C86B772-4E87-4A2C-98ED-E9A5A2BC2548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CD17600-EF00-4156-B295-34F48A5B95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/24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2C4ED68-3CF0-40BF-8619-01A44A28EBF1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F7F6915-4D48-4CF6-B59B-97E33AFCA136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CDA555-1BF1-4308-AC88-B539D9AF8043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8708012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76" r:id="rId1"/>
    <p:sldLayoutId id="2147483777" r:id="rId2"/>
    <p:sldLayoutId id="2147483778" r:id="rId3"/>
    <p:sldLayoutId id="2147483779" r:id="rId4"/>
    <p:sldLayoutId id="2147483780" r:id="rId5"/>
    <p:sldLayoutId id="2147483781" r:id="rId6"/>
    <p:sldLayoutId id="2147483782" r:id="rId7"/>
    <p:sldLayoutId id="2147483783" r:id="rId8"/>
    <p:sldLayoutId id="2147483784" r:id="rId9"/>
    <p:sldLayoutId id="2147483785" r:id="rId10"/>
    <p:sldLayoutId id="2147483786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8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415600" y="593367"/>
            <a:ext cx="11360800" cy="76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Font typeface="Permanent Marker"/>
              <a:buNone/>
              <a:defRPr sz="28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415600" y="1536633"/>
            <a:ext cx="11360800" cy="455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29845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Char char="●"/>
              <a:defRPr sz="1100">
                <a:latin typeface="Comfortaa"/>
                <a:ea typeface="Comfortaa"/>
                <a:cs typeface="Comfortaa"/>
                <a:sym typeface="Comfortaa"/>
              </a:defRPr>
            </a:lvl1pPr>
            <a:lvl2pPr marL="914400" lvl="1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○"/>
              <a:defRPr sz="1100">
                <a:latin typeface="Comfortaa"/>
                <a:ea typeface="Comfortaa"/>
                <a:cs typeface="Comfortaa"/>
                <a:sym typeface="Comfortaa"/>
              </a:defRPr>
            </a:lvl2pPr>
            <a:lvl3pPr marL="1371600" lvl="2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■"/>
              <a:defRPr sz="1100">
                <a:latin typeface="Comfortaa"/>
                <a:ea typeface="Comfortaa"/>
                <a:cs typeface="Comfortaa"/>
                <a:sym typeface="Comfortaa"/>
              </a:defRPr>
            </a:lvl3pPr>
            <a:lvl4pPr marL="1828800" lvl="3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●"/>
              <a:defRPr sz="1100">
                <a:latin typeface="Comfortaa"/>
                <a:ea typeface="Comfortaa"/>
                <a:cs typeface="Comfortaa"/>
                <a:sym typeface="Comfortaa"/>
              </a:defRPr>
            </a:lvl4pPr>
            <a:lvl5pPr marL="2286000" lvl="4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○"/>
              <a:defRPr sz="1100">
                <a:latin typeface="Comfortaa"/>
                <a:ea typeface="Comfortaa"/>
                <a:cs typeface="Comfortaa"/>
                <a:sym typeface="Comfortaa"/>
              </a:defRPr>
            </a:lvl5pPr>
            <a:lvl6pPr marL="2743200" lvl="5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■"/>
              <a:defRPr sz="1100">
                <a:latin typeface="Comfortaa"/>
                <a:ea typeface="Comfortaa"/>
                <a:cs typeface="Comfortaa"/>
                <a:sym typeface="Comfortaa"/>
              </a:defRPr>
            </a:lvl6pPr>
            <a:lvl7pPr marL="3200400" lvl="6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●"/>
              <a:defRPr sz="1100">
                <a:latin typeface="Comfortaa"/>
                <a:ea typeface="Comfortaa"/>
                <a:cs typeface="Comfortaa"/>
                <a:sym typeface="Comfortaa"/>
              </a:defRPr>
            </a:lvl7pPr>
            <a:lvl8pPr marL="3657600" lvl="7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○"/>
              <a:defRPr sz="1100">
                <a:latin typeface="Comfortaa"/>
                <a:ea typeface="Comfortaa"/>
                <a:cs typeface="Comfortaa"/>
                <a:sym typeface="Comfortaa"/>
              </a:defRPr>
            </a:lvl8pPr>
            <a:lvl9pPr marL="4114800" lvl="8" indent="-29845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SzPts val="1100"/>
              <a:buFont typeface="Comfortaa"/>
              <a:buChar char="■"/>
              <a:defRPr sz="1100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133331880"/>
      </p:ext>
    </p:extLst>
  </p:cSld>
  <p:clrMap bg1="lt1" tx1="dk1" bg2="dk2" tx2="lt2" accent1="accent1" accent2="accent2" accent3="accent3" accent4="accent4" accent5="accent5" accent6="accent6" hlink="hlink" folHlink="folHlink"/>
  <p:sldLayoutIdLst>
    <p:sldLayoutId id="2147483788" r:id="rId1"/>
    <p:sldLayoutId id="2147483789" r:id="rId2"/>
    <p:sldLayoutId id="2147483790" r:id="rId3"/>
    <p:sldLayoutId id="2147483791" r:id="rId4"/>
    <p:sldLayoutId id="2147483792" r:id="rId5"/>
    <p:sldLayoutId id="2147483793" r:id="rId6"/>
    <p:sldLayoutId id="2147483794" r:id="rId7"/>
    <p:sldLayoutId id="2147483795" r:id="rId8"/>
    <p:sldLayoutId id="2147483796" r:id="rId9"/>
    <p:sldLayoutId id="2147483797" r:id="rId10"/>
    <p:sldLayoutId id="2147483798" r:id="rId11"/>
    <p:sldLayoutId id="2147483799" r:id="rId12"/>
    <p:sldLayoutId id="2147483800" r:id="rId13"/>
    <p:sldLayoutId id="2147483801" r:id="rId14"/>
    <p:sldLayoutId id="2147483802" r:id="rId15"/>
    <p:sldLayoutId id="2147483803" r:id="rId16"/>
    <p:sldLayoutId id="2147483804" r:id="rId17"/>
    <p:sldLayoutId id="2147483805" r:id="rId18"/>
    <p:sldLayoutId id="2147483806" r:id="rId19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9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4492549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08" r:id="rId1"/>
    <p:sldLayoutId id="2147483809" r:id="rId2"/>
    <p:sldLayoutId id="2147483810" r:id="rId3"/>
    <p:sldLayoutId id="2147483811" r:id="rId4"/>
    <p:sldLayoutId id="2147483812" r:id="rId5"/>
    <p:sldLayoutId id="2147483813" r:id="rId6"/>
    <p:sldLayoutId id="2147483814" r:id="rId7"/>
    <p:sldLayoutId id="2147483815" r:id="rId8"/>
    <p:sldLayoutId id="2147483816" r:id="rId9"/>
    <p:sldLayoutId id="2147483817" r:id="rId10"/>
    <p:sldLayoutId id="2147483818" r:id="rId11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35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35.xml"/><Relationship Id="rId1" Type="http://schemas.openxmlformats.org/officeDocument/2006/relationships/tags" Target="../tags/tag12.xml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98.xml"/><Relationship Id="rId1" Type="http://schemas.openxmlformats.org/officeDocument/2006/relationships/tags" Target="../tags/tag13.xml"/><Relationship Id="rId6" Type="http://schemas.openxmlformats.org/officeDocument/2006/relationships/hyperlink" Target="http://www.dindersimateryal.com/" TargetMode="External"/><Relationship Id="rId5" Type="http://schemas.openxmlformats.org/officeDocument/2006/relationships/hyperlink" Target="https://wordwall.net/play/804/991/944" TargetMode="External"/><Relationship Id="rId4" Type="http://schemas.openxmlformats.org/officeDocument/2006/relationships/image" Target="../media/image8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106.xml"/><Relationship Id="rId1" Type="http://schemas.openxmlformats.org/officeDocument/2006/relationships/tags" Target="../tags/tag14.xml"/><Relationship Id="rId6" Type="http://schemas.openxmlformats.org/officeDocument/2006/relationships/image" Target="../media/image11.png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svg"/><Relationship Id="rId13" Type="http://schemas.openxmlformats.org/officeDocument/2006/relationships/image" Target="../media/image19.svg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14.png"/><Relationship Id="rId12" Type="http://schemas.openxmlformats.org/officeDocument/2006/relationships/image" Target="../media/image18.png"/><Relationship Id="rId2" Type="http://schemas.openxmlformats.org/officeDocument/2006/relationships/slideLayout" Target="../slideLayouts/slideLayout117.xml"/><Relationship Id="rId1" Type="http://schemas.openxmlformats.org/officeDocument/2006/relationships/tags" Target="../tags/tag15.xml"/><Relationship Id="rId6" Type="http://schemas.openxmlformats.org/officeDocument/2006/relationships/hyperlink" Target="https://t.me/joinchat/QrR0NEiT70UPac8ZvS8MDA" TargetMode="External"/><Relationship Id="rId11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instagram.com/mustafayil34/" TargetMode="External"/><Relationship Id="rId10" Type="http://schemas.openxmlformats.org/officeDocument/2006/relationships/image" Target="../media/image17.svg"/><Relationship Id="rId4" Type="http://schemas.openxmlformats.org/officeDocument/2006/relationships/image" Target="../media/image13.png"/><Relationship Id="rId9" Type="http://schemas.openxmlformats.org/officeDocument/2006/relationships/image" Target="../media/image16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65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65.xml"/><Relationship Id="rId1" Type="http://schemas.openxmlformats.org/officeDocument/2006/relationships/tags" Target="../tags/tag4.xml"/><Relationship Id="rId6" Type="http://schemas.openxmlformats.org/officeDocument/2006/relationships/image" Target="../media/image7.png"/><Relationship Id="rId5" Type="http://schemas.openxmlformats.org/officeDocument/2006/relationships/image" Target="../media/image6.png"/><Relationship Id="rId4" Type="http://schemas.openxmlformats.org/officeDocument/2006/relationships/hyperlink" Target="http://kuran.diyanet.gov.tr/mushaf" TargetMode="Externa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1.xml"/><Relationship Id="rId1" Type="http://schemas.openxmlformats.org/officeDocument/2006/relationships/tags" Target="../tags/tag5.xml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98.xml"/><Relationship Id="rId1" Type="http://schemas.openxmlformats.org/officeDocument/2006/relationships/tags" Target="../tags/tag6.xml"/><Relationship Id="rId6" Type="http://schemas.openxmlformats.org/officeDocument/2006/relationships/hyperlink" Target="http://www.dindersimateryal.com/" TargetMode="External"/><Relationship Id="rId5" Type="http://schemas.openxmlformats.org/officeDocument/2006/relationships/hyperlink" Target="https://wordwall.net/play/8894/529/516" TargetMode="External"/><Relationship Id="rId4" Type="http://schemas.openxmlformats.org/officeDocument/2006/relationships/image" Target="../media/image8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7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audio" Target="../media/audio3.wav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98.xml"/><Relationship Id="rId1" Type="http://schemas.openxmlformats.org/officeDocument/2006/relationships/tags" Target="../tags/tag8.xml"/><Relationship Id="rId5" Type="http://schemas.openxmlformats.org/officeDocument/2006/relationships/hyperlink" Target="http://youtube.com/watch?v=PSYR6KdeugQ" TargetMode="External"/><Relationship Id="rId4" Type="http://schemas.openxmlformats.org/officeDocument/2006/relationships/hyperlink" Target="https://www.youtube.com/watch?v=KonQunY2Fo0" TargetMode="Externa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8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98.xml"/><Relationship Id="rId1" Type="http://schemas.openxmlformats.org/officeDocument/2006/relationships/tags" Target="../tags/tag10.xml"/><Relationship Id="rId6" Type="http://schemas.openxmlformats.org/officeDocument/2006/relationships/hyperlink" Target="http://www.dindersimateryal.com/" TargetMode="External"/><Relationship Id="rId5" Type="http://schemas.openxmlformats.org/officeDocument/2006/relationships/hyperlink" Target="https://wordwall.net/play/8894/457/769" TargetMode="External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Yuvarlatılmış Dikdörtgen 4"/>
          <p:cNvSpPr/>
          <p:nvPr/>
        </p:nvSpPr>
        <p:spPr>
          <a:xfrm>
            <a:off x="6352418" y="3144373"/>
            <a:ext cx="5585813" cy="1555016"/>
          </a:xfrm>
          <a:prstGeom prst="roundRect">
            <a:avLst>
              <a:gd name="adj" fmla="val 0"/>
            </a:avLst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Fatiha suresi hakkında neler biliyorsunuz?</a:t>
            </a:r>
          </a:p>
        </p:txBody>
      </p:sp>
      <p:grpSp>
        <p:nvGrpSpPr>
          <p:cNvPr id="26" name="Group 11">
            <a:extLst>
              <a:ext uri="{FF2B5EF4-FFF2-40B4-BE49-F238E27FC236}">
                <a16:creationId xmlns:a16="http://schemas.microsoft.com/office/drawing/2014/main" id="{C2ADD50D-D2AE-46FA-87DC-8BE9FB0B8FE6}"/>
              </a:ext>
            </a:extLst>
          </p:cNvPr>
          <p:cNvGrpSpPr/>
          <p:nvPr/>
        </p:nvGrpSpPr>
        <p:grpSpPr>
          <a:xfrm>
            <a:off x="457922" y="-6205"/>
            <a:ext cx="1740748" cy="1569660"/>
            <a:chOff x="1659991" y="771277"/>
            <a:chExt cx="1448972" cy="1925953"/>
          </a:xfrm>
        </p:grpSpPr>
        <p:sp>
          <p:nvSpPr>
            <p:cNvPr id="27" name="Rectangle: Top Corners Rounded 1">
              <a:extLst>
                <a:ext uri="{FF2B5EF4-FFF2-40B4-BE49-F238E27FC236}">
                  <a16:creationId xmlns:a16="http://schemas.microsoft.com/office/drawing/2014/main" id="{59E85B77-1F91-4230-9C6A-6076CE3C32DA}"/>
                </a:ext>
              </a:extLst>
            </p:cNvPr>
            <p:cNvSpPr/>
            <p:nvPr/>
          </p:nvSpPr>
          <p:spPr>
            <a:xfrm rot="16200000">
              <a:off x="1698677" y="1009767"/>
              <a:ext cx="1371600" cy="1448972"/>
            </a:xfrm>
            <a:prstGeom prst="round2SameRect">
              <a:avLst>
                <a:gd name="adj1" fmla="val 9956"/>
                <a:gd name="adj2" fmla="val 0"/>
              </a:avLst>
            </a:prstGeom>
            <a:gradFill>
              <a:gsLst>
                <a:gs pos="96460">
                  <a:srgbClr val="6600CC"/>
                </a:gs>
                <a:gs pos="0">
                  <a:srgbClr val="9933FF"/>
                </a:gs>
              </a:gsLst>
              <a:lin ang="5400000" scaled="1"/>
            </a:gradFill>
            <a:ln>
              <a:noFill/>
            </a:ln>
            <a:effectLst>
              <a:outerShdw blurRad="50800" dist="38100" dir="10800000" algn="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28" name="TextBox 5">
              <a:extLst>
                <a:ext uri="{FF2B5EF4-FFF2-40B4-BE49-F238E27FC236}">
                  <a16:creationId xmlns:a16="http://schemas.microsoft.com/office/drawing/2014/main" id="{B13FEAA7-12FD-41DC-B19A-DC5B5CD8924C}"/>
                </a:ext>
              </a:extLst>
            </p:cNvPr>
            <p:cNvSpPr txBox="1"/>
            <p:nvPr/>
          </p:nvSpPr>
          <p:spPr>
            <a:xfrm>
              <a:off x="1852487" y="771277"/>
              <a:ext cx="672762" cy="1925953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9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>
                    <a:outerShdw blurRad="50800" dist="38100" dir="10800000" algn="r" rotWithShape="0">
                      <a:prstClr val="black">
                        <a:alpha val="40000"/>
                      </a:prstClr>
                    </a:outerShdw>
                  </a:effectLst>
                  <a:uLnTx/>
                  <a:uFillTx/>
                  <a:latin typeface="Calibri" panose="020F0502020204030204"/>
                  <a:ea typeface="+mn-ea"/>
                  <a:cs typeface="+mn-cs"/>
                </a:rPr>
                <a:t>3</a:t>
              </a:r>
              <a:endParaRPr kumimoji="0" lang="en-US" sz="115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>
                  <a:outerShdw blurRad="50800" dist="38100" dir="10800000" algn="r" rotWithShape="0">
                    <a:prstClr val="black">
                      <a:alpha val="40000"/>
                    </a:prstClr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29" name="Freeform: Shape 4">
            <a:extLst>
              <a:ext uri="{FF2B5EF4-FFF2-40B4-BE49-F238E27FC236}">
                <a16:creationId xmlns:a16="http://schemas.microsoft.com/office/drawing/2014/main" id="{4570FAC8-2FD3-4CDE-B75F-6337B0E4D03A}"/>
              </a:ext>
            </a:extLst>
          </p:cNvPr>
          <p:cNvSpPr/>
          <p:nvPr/>
        </p:nvSpPr>
        <p:spPr>
          <a:xfrm>
            <a:off x="457922" y="162176"/>
            <a:ext cx="10874474" cy="1232899"/>
          </a:xfrm>
          <a:custGeom>
            <a:avLst/>
            <a:gdLst>
              <a:gd name="connsiteX0" fmla="*/ 177073 w 3458306"/>
              <a:gd name="connsiteY0" fmla="*/ 0 h 1463040"/>
              <a:gd name="connsiteX1" fmla="*/ 3214461 w 3458306"/>
              <a:gd name="connsiteY1" fmla="*/ 0 h 1463040"/>
              <a:gd name="connsiteX2" fmla="*/ 3458306 w 3458306"/>
              <a:gd name="connsiteY2" fmla="*/ 243845 h 1463040"/>
              <a:gd name="connsiteX3" fmla="*/ 3458306 w 3458306"/>
              <a:gd name="connsiteY3" fmla="*/ 1219195 h 1463040"/>
              <a:gd name="connsiteX4" fmla="*/ 3214461 w 3458306"/>
              <a:gd name="connsiteY4" fmla="*/ 1463040 h 1463040"/>
              <a:gd name="connsiteX5" fmla="*/ 177073 w 3458306"/>
              <a:gd name="connsiteY5" fmla="*/ 1463040 h 1463040"/>
              <a:gd name="connsiteX6" fmla="*/ 4649 w 3458306"/>
              <a:gd name="connsiteY6" fmla="*/ 1391620 h 1463040"/>
              <a:gd name="connsiteX7" fmla="*/ 1 w 3458306"/>
              <a:gd name="connsiteY7" fmla="*/ 1384726 h 1463040"/>
              <a:gd name="connsiteX8" fmla="*/ 463315 w 3458306"/>
              <a:gd name="connsiteY8" fmla="*/ 1268897 h 1463040"/>
              <a:gd name="connsiteX9" fmla="*/ 463315 w 3458306"/>
              <a:gd name="connsiteY9" fmla="*/ 194144 h 1463040"/>
              <a:gd name="connsiteX10" fmla="*/ 0 w 3458306"/>
              <a:gd name="connsiteY10" fmla="*/ 78315 h 1463040"/>
              <a:gd name="connsiteX11" fmla="*/ 4649 w 3458306"/>
              <a:gd name="connsiteY11" fmla="*/ 71421 h 1463040"/>
              <a:gd name="connsiteX12" fmla="*/ 177073 w 3458306"/>
              <a:gd name="connsiteY12" fmla="*/ 0 h 14630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</a:cxnLst>
            <a:rect l="l" t="t" r="r" b="b"/>
            <a:pathLst>
              <a:path w="3458306" h="1463040">
                <a:moveTo>
                  <a:pt x="177073" y="0"/>
                </a:moveTo>
                <a:lnTo>
                  <a:pt x="3214461" y="0"/>
                </a:lnTo>
                <a:cubicBezTo>
                  <a:pt x="3349133" y="0"/>
                  <a:pt x="3458306" y="109173"/>
                  <a:pt x="3458306" y="243845"/>
                </a:cubicBezTo>
                <a:lnTo>
                  <a:pt x="3458306" y="1219195"/>
                </a:lnTo>
                <a:cubicBezTo>
                  <a:pt x="3458306" y="1353867"/>
                  <a:pt x="3349133" y="1463040"/>
                  <a:pt x="3214461" y="1463040"/>
                </a:cubicBezTo>
                <a:lnTo>
                  <a:pt x="177073" y="1463040"/>
                </a:lnTo>
                <a:cubicBezTo>
                  <a:pt x="109737" y="1463040"/>
                  <a:pt x="48776" y="1435747"/>
                  <a:pt x="4649" y="1391620"/>
                </a:cubicBezTo>
                <a:lnTo>
                  <a:pt x="1" y="1384726"/>
                </a:lnTo>
                <a:lnTo>
                  <a:pt x="463315" y="1268897"/>
                </a:lnTo>
                <a:lnTo>
                  <a:pt x="463315" y="194144"/>
                </a:lnTo>
                <a:lnTo>
                  <a:pt x="0" y="78315"/>
                </a:lnTo>
                <a:lnTo>
                  <a:pt x="4649" y="71421"/>
                </a:lnTo>
                <a:cubicBezTo>
                  <a:pt x="48776" y="27293"/>
                  <a:pt x="109737" y="0"/>
                  <a:pt x="177073" y="0"/>
                </a:cubicBezTo>
                <a:close/>
              </a:path>
            </a:pathLst>
          </a:custGeom>
          <a:solidFill>
            <a:schemeClr val="bg1"/>
          </a:solidFill>
          <a:ln>
            <a:solidFill>
              <a:srgbClr val="7913DF"/>
            </a:solidFill>
          </a:ln>
          <a:effectLst>
            <a:outerShdw blurRad="101600" dist="63500" dir="10800000" algn="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0" name="Isosceles Triangle 6">
            <a:extLst>
              <a:ext uri="{FF2B5EF4-FFF2-40B4-BE49-F238E27FC236}">
                <a16:creationId xmlns:a16="http://schemas.microsoft.com/office/drawing/2014/main" id="{BA3A3AC2-114B-4BD6-A111-288645FA43A6}"/>
              </a:ext>
            </a:extLst>
          </p:cNvPr>
          <p:cNvSpPr/>
          <p:nvPr/>
        </p:nvSpPr>
        <p:spPr>
          <a:xfrm rot="5400000">
            <a:off x="10820570" y="322187"/>
            <a:ext cx="1645700" cy="1016449"/>
          </a:xfrm>
          <a:prstGeom prst="triangle">
            <a:avLst>
              <a:gd name="adj" fmla="val 48807"/>
            </a:avLst>
          </a:prstGeom>
          <a:solidFill>
            <a:schemeClr val="bg1"/>
          </a:solidFill>
          <a:ln>
            <a:solidFill>
              <a:srgbClr val="7913DF"/>
            </a:solidFill>
          </a:ln>
          <a:effectLst>
            <a:outerShdw blurRad="50800" dist="38100" dir="10800000" algn="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31" name="Picture 9">
            <a:extLst>
              <a:ext uri="{FF2B5EF4-FFF2-40B4-BE49-F238E27FC236}">
                <a16:creationId xmlns:a16="http://schemas.microsoft.com/office/drawing/2014/main" id="{BEF56333-6126-4E23-92CB-F5A80454D06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4051"/>
          <a:stretch/>
        </p:blipFill>
        <p:spPr>
          <a:xfrm>
            <a:off x="11001910" y="385102"/>
            <a:ext cx="1067830" cy="909641"/>
          </a:xfrm>
          <a:prstGeom prst="rect">
            <a:avLst/>
          </a:prstGeom>
        </p:spPr>
      </p:pic>
      <p:sp>
        <p:nvSpPr>
          <p:cNvPr id="32" name="Dikdörtgen 31"/>
          <p:cNvSpPr/>
          <p:nvPr/>
        </p:nvSpPr>
        <p:spPr>
          <a:xfrm>
            <a:off x="1606169" y="446657"/>
            <a:ext cx="9902140" cy="61555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4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BİR SURE TANIYORUM: FATİHA SURESİ VE ANLAMI</a:t>
            </a:r>
            <a:endParaRPr kumimoji="0" lang="tr-TR" sz="3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2" name="Resim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83445" y="1847936"/>
            <a:ext cx="5912556" cy="484788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742215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ağa Bükülü Ok 5"/>
          <p:cNvSpPr/>
          <p:nvPr/>
        </p:nvSpPr>
        <p:spPr>
          <a:xfrm flipH="1">
            <a:off x="7989534" y="2059088"/>
            <a:ext cx="3982064" cy="4430201"/>
          </a:xfrm>
          <a:prstGeom prst="curvedRightArrow">
            <a:avLst>
              <a:gd name="adj1" fmla="val 8664"/>
              <a:gd name="adj2" fmla="val 33947"/>
              <a:gd name="adj3" fmla="val 29034"/>
            </a:avLst>
          </a:prstGeom>
          <a:solidFill>
            <a:srgbClr val="FF8B8B"/>
          </a:solidFill>
          <a:ln>
            <a:noFill/>
          </a:ln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220402" y="85487"/>
            <a:ext cx="11794616" cy="4430201"/>
          </a:xfrm>
          <a:solidFill>
            <a:schemeClr val="accent4">
              <a:lumMod val="40000"/>
              <a:lumOff val="60000"/>
            </a:schemeClr>
          </a:solidFill>
          <a:ln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lIns="252000" rIns="252000" anchor="ctr">
            <a:noAutofit/>
          </a:bodyPr>
          <a:lstStyle/>
          <a:p>
            <a:pPr marL="457200" indent="-457200" algn="just">
              <a:buFont typeface="+mj-lt"/>
              <a:buAutoNum type="arabicPeriod"/>
            </a:pPr>
            <a:r>
              <a:rPr lang="tr-TR" sz="2400" dirty="0"/>
              <a:t>Rahmân ve Rahîm olan Allah’ın adıyla.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tr-TR" sz="2400" dirty="0"/>
              <a:t>Hamd; Âlemlerin Rabbi olan Allah’a aittir.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tr-TR" sz="2400" dirty="0"/>
              <a:t>(O Allah) Rahmân ve </a:t>
            </a:r>
            <a:r>
              <a:rPr lang="tr-TR" sz="2400" dirty="0" err="1"/>
              <a:t>Rahîm’dir</a:t>
            </a:r>
            <a:r>
              <a:rPr lang="tr-TR" sz="2400" dirty="0"/>
              <a:t>.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tr-TR" sz="2400" dirty="0"/>
              <a:t>Din (ödül ve ceza) gününün sahibidir.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tr-TR" sz="2400" dirty="0"/>
              <a:t>Ey Allah’ım! Biz yalnızca Sana ibadet eder ve yalnızca Sen’den yardım dileriz.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tr-TR" sz="2400" dirty="0"/>
              <a:t>Bizi dosdoğru yola ilet.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tr-TR" sz="2400" dirty="0"/>
              <a:t>Kendilerine nimet verdiğin kimselerin yoluna ilet, gazaba uğrayanların ve sapıkların yoluna değil</a:t>
            </a:r>
          </a:p>
          <a:p>
            <a:pPr marL="0" indent="0" algn="r">
              <a:buNone/>
            </a:pPr>
            <a:r>
              <a:rPr lang="tr-TR" sz="2400" dirty="0"/>
              <a:t>Fatiha Suresi, 1-7. ayetleri</a:t>
            </a:r>
          </a:p>
        </p:txBody>
      </p:sp>
      <p:sp>
        <p:nvSpPr>
          <p:cNvPr id="4" name="Dikdörtgen 3"/>
          <p:cNvSpPr/>
          <p:nvPr/>
        </p:nvSpPr>
        <p:spPr>
          <a:xfrm>
            <a:off x="294969" y="5088195"/>
            <a:ext cx="7447743" cy="1401094"/>
          </a:xfrm>
          <a:prstGeom prst="rect">
            <a:avLst/>
          </a:prstGeom>
          <a:solidFill>
            <a:srgbClr val="009999"/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lvl="0" algn="ctr"/>
            <a:r>
              <a:rPr lang="tr-TR" sz="3600" dirty="0">
                <a:solidFill>
                  <a:schemeClr val="bg1"/>
                </a:solidFill>
              </a:rPr>
              <a:t>Fâtiha suresinde tavsiye edilen davranışlar nelerdir?</a:t>
            </a:r>
            <a:endParaRPr kumimoji="0" lang="tr-TR" sz="6000" b="0" i="0" u="none" strike="noStrike" kern="1200" cap="none" spc="0" normalizeH="0" baseline="0" noProof="0" dirty="0">
              <a:ln>
                <a:noFill/>
              </a:ln>
              <a:solidFill>
                <a:schemeClr val="bg1"/>
              </a:solidFill>
              <a:effectLst/>
              <a:uLnTx/>
              <a:uFillTx/>
              <a:latin typeface="Calibri" panose="020F0502020204030204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21689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"/>
                            </p:stCondLst>
                            <p:childTnLst>
                              <p:par>
                                <p:cTn id="53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3" grpId="0" uiExpand="1" build="p" animBg="1"/>
      <p:bldP spid="4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İçerik Yer Tutucusu 2"/>
          <p:cNvSpPr txBox="1">
            <a:spLocks/>
          </p:cNvSpPr>
          <p:nvPr/>
        </p:nvSpPr>
        <p:spPr>
          <a:xfrm>
            <a:off x="6902245" y="5133471"/>
            <a:ext cx="5233826" cy="598061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 w="28575">
            <a:noFill/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 typeface="Arial" panose="020B0604020202020204" pitchFamily="34" charset="0"/>
              <a:buNone/>
            </a:pPr>
            <a:r>
              <a:rPr lang="tr-TR" sz="2400" dirty="0"/>
              <a:t>Namazlarda okunan bir suredir.</a:t>
            </a:r>
          </a:p>
        </p:txBody>
      </p:sp>
      <p:sp>
        <p:nvSpPr>
          <p:cNvPr id="19" name="İçerik Yer Tutucusu 2"/>
          <p:cNvSpPr txBox="1">
            <a:spLocks/>
          </p:cNvSpPr>
          <p:nvPr/>
        </p:nvSpPr>
        <p:spPr>
          <a:xfrm>
            <a:off x="5387380" y="2386603"/>
            <a:ext cx="4877497" cy="914775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 w="28575">
            <a:noFill/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tr-TR" sz="2400" dirty="0"/>
              <a:t>Peygamberlere iman etmemiz gerektiğinden söz etmektedir.</a:t>
            </a:r>
          </a:p>
        </p:txBody>
      </p:sp>
      <p:sp>
        <p:nvSpPr>
          <p:cNvPr id="21" name="İçerik Yer Tutucusu 2"/>
          <p:cNvSpPr txBox="1">
            <a:spLocks/>
          </p:cNvSpPr>
          <p:nvPr/>
        </p:nvSpPr>
        <p:spPr>
          <a:xfrm>
            <a:off x="160764" y="2952590"/>
            <a:ext cx="4526027" cy="95056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 w="28575">
            <a:noFill/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tr-TR" sz="2400" dirty="0"/>
              <a:t>Mezar ziyaretinde okuna          bir suredir.</a:t>
            </a:r>
          </a:p>
        </p:txBody>
      </p:sp>
      <p:sp>
        <p:nvSpPr>
          <p:cNvPr id="23" name="İçerik Yer Tutucusu 2"/>
          <p:cNvSpPr txBox="1">
            <a:spLocks/>
          </p:cNvSpPr>
          <p:nvPr/>
        </p:nvSpPr>
        <p:spPr>
          <a:xfrm>
            <a:off x="235647" y="4192713"/>
            <a:ext cx="5126146" cy="782649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 w="28575">
            <a:noFill/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lnSpc>
                <a:spcPct val="100000"/>
              </a:lnSpc>
              <a:buNone/>
            </a:pPr>
            <a:r>
              <a:rPr lang="tr-TR" sz="2400" dirty="0"/>
              <a:t>İçinde ahirete iman konusu   vardır.</a:t>
            </a:r>
          </a:p>
        </p:txBody>
      </p:sp>
      <p:sp>
        <p:nvSpPr>
          <p:cNvPr id="24" name="İçerik Yer Tutucusu 2"/>
          <p:cNvSpPr txBox="1">
            <a:spLocks/>
          </p:cNvSpPr>
          <p:nvPr/>
        </p:nvSpPr>
        <p:spPr>
          <a:xfrm>
            <a:off x="5748467" y="3928772"/>
            <a:ext cx="4472165" cy="672725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 w="28575">
            <a:noFill/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lnSpc>
                <a:spcPct val="110000"/>
              </a:lnSpc>
              <a:buNone/>
            </a:pPr>
            <a:r>
              <a:rPr lang="tr-TR" sz="2400" dirty="0"/>
              <a:t>Allah </a:t>
            </a:r>
            <a:r>
              <a:rPr lang="tr-TR" sz="2400" dirty="0" err="1"/>
              <a:t>Rahmân’dır</a:t>
            </a:r>
            <a:r>
              <a:rPr lang="tr-TR" sz="2400" dirty="0"/>
              <a:t> ve </a:t>
            </a:r>
            <a:r>
              <a:rPr lang="tr-TR" sz="2400" dirty="0" err="1"/>
              <a:t>Rahîm’dir</a:t>
            </a:r>
            <a:r>
              <a:rPr lang="tr-TR" sz="2400" dirty="0"/>
              <a:t>.</a:t>
            </a:r>
          </a:p>
        </p:txBody>
      </p:sp>
      <p:sp>
        <p:nvSpPr>
          <p:cNvPr id="28" name="İçerik Yer Tutucusu 2"/>
          <p:cNvSpPr txBox="1">
            <a:spLocks/>
          </p:cNvSpPr>
          <p:nvPr/>
        </p:nvSpPr>
        <p:spPr>
          <a:xfrm>
            <a:off x="246753" y="5104677"/>
            <a:ext cx="5224900" cy="874725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 w="28575">
            <a:noFill/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tr-TR" sz="2400" dirty="0"/>
              <a:t>Fatiha suresine göre yalnız Allah’a                 ibadet edilir.</a:t>
            </a:r>
          </a:p>
        </p:txBody>
      </p:sp>
      <p:sp>
        <p:nvSpPr>
          <p:cNvPr id="29" name="İçerik Yer Tutucusu 2"/>
          <p:cNvSpPr txBox="1">
            <a:spLocks/>
          </p:cNvSpPr>
          <p:nvPr/>
        </p:nvSpPr>
        <p:spPr>
          <a:xfrm>
            <a:off x="5239657" y="1519337"/>
            <a:ext cx="5010472" cy="686106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 w="28575">
            <a:noFill/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lnSpc>
                <a:spcPct val="100000"/>
              </a:lnSpc>
              <a:buNone/>
            </a:pPr>
            <a:r>
              <a:rPr lang="tr-TR" sz="2400" dirty="0"/>
              <a:t>Kur’an-ı Kerim’in 1. suresidir.</a:t>
            </a:r>
          </a:p>
        </p:txBody>
      </p:sp>
      <p:sp>
        <p:nvSpPr>
          <p:cNvPr id="30" name="Dikdörtgen 29"/>
          <p:cNvSpPr/>
          <p:nvPr/>
        </p:nvSpPr>
        <p:spPr>
          <a:xfrm>
            <a:off x="11463069" y="5133472"/>
            <a:ext cx="696685" cy="598061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rgbClr val="00B050"/>
                </a:solidFill>
              </a:rPr>
              <a:t>✔</a:t>
            </a:r>
          </a:p>
        </p:txBody>
      </p:sp>
      <p:sp>
        <p:nvSpPr>
          <p:cNvPr id="31" name="Dikdörtgen 30"/>
          <p:cNvSpPr/>
          <p:nvPr/>
        </p:nvSpPr>
        <p:spPr>
          <a:xfrm>
            <a:off x="9431460" y="2373879"/>
            <a:ext cx="892632" cy="956294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rgbClr val="FF0000"/>
                </a:solidFill>
              </a:rPr>
              <a:t>X</a:t>
            </a:r>
          </a:p>
        </p:txBody>
      </p:sp>
      <p:sp>
        <p:nvSpPr>
          <p:cNvPr id="32" name="Dikdörtgen 31"/>
          <p:cNvSpPr/>
          <p:nvPr/>
        </p:nvSpPr>
        <p:spPr>
          <a:xfrm>
            <a:off x="3926123" y="2952590"/>
            <a:ext cx="760668" cy="950562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rgbClr val="00B050"/>
                </a:solidFill>
              </a:rPr>
              <a:t>✔</a:t>
            </a:r>
          </a:p>
        </p:txBody>
      </p:sp>
      <p:sp>
        <p:nvSpPr>
          <p:cNvPr id="33" name="Dikdörtgen 32"/>
          <p:cNvSpPr/>
          <p:nvPr/>
        </p:nvSpPr>
        <p:spPr>
          <a:xfrm>
            <a:off x="9793861" y="3928771"/>
            <a:ext cx="965473" cy="672725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rgbClr val="00B050"/>
                </a:solidFill>
              </a:rPr>
              <a:t>✔</a:t>
            </a:r>
          </a:p>
        </p:txBody>
      </p:sp>
      <p:sp>
        <p:nvSpPr>
          <p:cNvPr id="34" name="Dikdörtgen 33"/>
          <p:cNvSpPr/>
          <p:nvPr/>
        </p:nvSpPr>
        <p:spPr>
          <a:xfrm>
            <a:off x="4720746" y="5098795"/>
            <a:ext cx="796078" cy="895355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rgbClr val="00B050"/>
                </a:solidFill>
              </a:rPr>
              <a:t>✔</a:t>
            </a:r>
          </a:p>
        </p:txBody>
      </p:sp>
      <p:sp>
        <p:nvSpPr>
          <p:cNvPr id="35" name="Dikdörtgen 34"/>
          <p:cNvSpPr/>
          <p:nvPr/>
        </p:nvSpPr>
        <p:spPr>
          <a:xfrm>
            <a:off x="9265732" y="1519337"/>
            <a:ext cx="1003423" cy="673382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rgbClr val="00B050"/>
                </a:solidFill>
              </a:rPr>
              <a:t>✔</a:t>
            </a:r>
          </a:p>
        </p:txBody>
      </p:sp>
      <p:sp>
        <p:nvSpPr>
          <p:cNvPr id="36" name="Dikdörtgen 35"/>
          <p:cNvSpPr/>
          <p:nvPr/>
        </p:nvSpPr>
        <p:spPr>
          <a:xfrm>
            <a:off x="4477326" y="4192713"/>
            <a:ext cx="884467" cy="798665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rgbClr val="FF0000"/>
                </a:solidFill>
              </a:rPr>
              <a:t>X</a:t>
            </a:r>
          </a:p>
        </p:txBody>
      </p:sp>
      <p:sp>
        <p:nvSpPr>
          <p:cNvPr id="2" name="Dikdörtgen 1"/>
          <p:cNvSpPr/>
          <p:nvPr/>
        </p:nvSpPr>
        <p:spPr>
          <a:xfrm>
            <a:off x="304111" y="112372"/>
            <a:ext cx="10388470" cy="119473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3600" b="1" u="sng" dirty="0"/>
              <a:t>Fatiha suresiyle</a:t>
            </a:r>
            <a:r>
              <a:rPr lang="tr-TR" sz="3600" b="1" dirty="0"/>
              <a:t> </a:t>
            </a:r>
            <a:r>
              <a:rPr lang="tr-TR" sz="2800" dirty="0"/>
              <a:t>ilgili verilen aşağıdaki bilgilerden doğru olanların yanına           yanlış olanların yanına da           koyalım.</a:t>
            </a:r>
          </a:p>
        </p:txBody>
      </p:sp>
      <p:sp>
        <p:nvSpPr>
          <p:cNvPr id="25" name="Dikdörtgen 24"/>
          <p:cNvSpPr/>
          <p:nvPr/>
        </p:nvSpPr>
        <p:spPr>
          <a:xfrm>
            <a:off x="2776592" y="757543"/>
            <a:ext cx="696685" cy="510319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400" dirty="0">
                <a:solidFill>
                  <a:srgbClr val="00B050"/>
                </a:solidFill>
              </a:rPr>
              <a:t>✔</a:t>
            </a:r>
          </a:p>
        </p:txBody>
      </p:sp>
      <p:sp>
        <p:nvSpPr>
          <p:cNvPr id="39" name="Dikdörtgen 38"/>
          <p:cNvSpPr/>
          <p:nvPr/>
        </p:nvSpPr>
        <p:spPr>
          <a:xfrm>
            <a:off x="6740940" y="-2779562"/>
            <a:ext cx="548904" cy="513785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400" b="1" dirty="0">
                <a:solidFill>
                  <a:srgbClr val="FF0000"/>
                </a:solidFill>
              </a:rPr>
              <a:t>X</a:t>
            </a:r>
          </a:p>
        </p:txBody>
      </p:sp>
      <p:sp>
        <p:nvSpPr>
          <p:cNvPr id="37" name="Dikdörtgen 36"/>
          <p:cNvSpPr/>
          <p:nvPr/>
        </p:nvSpPr>
        <p:spPr>
          <a:xfrm>
            <a:off x="7255636" y="757543"/>
            <a:ext cx="683136" cy="518918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400" b="1" dirty="0">
                <a:solidFill>
                  <a:srgbClr val="FF0000"/>
                </a:solidFill>
              </a:rPr>
              <a:t>X</a:t>
            </a:r>
          </a:p>
        </p:txBody>
      </p:sp>
      <p:sp>
        <p:nvSpPr>
          <p:cNvPr id="40" name="İçerik Yer Tutucusu 2"/>
          <p:cNvSpPr txBox="1">
            <a:spLocks/>
          </p:cNvSpPr>
          <p:nvPr/>
        </p:nvSpPr>
        <p:spPr>
          <a:xfrm>
            <a:off x="273168" y="1680986"/>
            <a:ext cx="4768077" cy="886705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 w="28575">
            <a:noFill/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lnSpc>
                <a:spcPct val="110000"/>
              </a:lnSpc>
              <a:buNone/>
            </a:pPr>
            <a:r>
              <a:rPr lang="tr-TR" sz="2400" dirty="0"/>
              <a:t>Kur’an-ı Kerim’in ilk suresidir.</a:t>
            </a:r>
          </a:p>
        </p:txBody>
      </p:sp>
      <p:sp>
        <p:nvSpPr>
          <p:cNvPr id="41" name="Dikdörtgen 40"/>
          <p:cNvSpPr/>
          <p:nvPr/>
        </p:nvSpPr>
        <p:spPr>
          <a:xfrm>
            <a:off x="4126165" y="1680986"/>
            <a:ext cx="915080" cy="886705"/>
          </a:xfrm>
          <a:prstGeom prst="rect">
            <a:avLst/>
          </a:prstGeom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rgbClr val="00B050"/>
                </a:solidFill>
              </a:rPr>
              <a:t>✔</a:t>
            </a:r>
          </a:p>
        </p:txBody>
      </p:sp>
      <p:sp>
        <p:nvSpPr>
          <p:cNvPr id="22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6432883"/>
            <a:ext cx="12192000" cy="452037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6" name="Komut Düğmesi: Geri veya Önceki 25">
            <a:hlinkClick r:id="" action="ppaction://hlinkshowjump?jump=previousslide" highlightClick="1"/>
          </p:cNvPr>
          <p:cNvSpPr/>
          <p:nvPr/>
        </p:nvSpPr>
        <p:spPr>
          <a:xfrm>
            <a:off x="10661406" y="6463472"/>
            <a:ext cx="395785" cy="420737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7" name="Komut Düğmesi: İleri veya Sonraki 26">
            <a:hlinkClick r:id="" action="ppaction://hlinkshowjump?jump=nextslide" highlightClick="1"/>
          </p:cNvPr>
          <p:cNvSpPr/>
          <p:nvPr/>
        </p:nvSpPr>
        <p:spPr>
          <a:xfrm>
            <a:off x="11743376" y="6475244"/>
            <a:ext cx="412785" cy="393643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8" name="Komut Düğmesi: Giriş 37">
            <a:hlinkClick r:id="" action="ppaction://hlinkshowjump?jump=firstslide" highlightClick="1"/>
          </p:cNvPr>
          <p:cNvSpPr/>
          <p:nvPr/>
        </p:nvSpPr>
        <p:spPr>
          <a:xfrm>
            <a:off x="11137184" y="6483348"/>
            <a:ext cx="526199" cy="385539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0730897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2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8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2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9"/>
                  </p:tgtEl>
                </p:cond>
              </p:nextCondLst>
            </p:seq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0"/>
                  </p:tgtEl>
                </p:cond>
              </p:nextCondLst>
            </p:seq>
          </p:childTnLst>
        </p:cTn>
      </p:par>
    </p:tnLst>
    <p:bldLst>
      <p:bldP spid="30" grpId="0" animBg="1"/>
      <p:bldP spid="31" grpId="0" animBg="1"/>
      <p:bldP spid="32" grpId="0" animBg="1"/>
      <p:bldP spid="33" grpId="0" animBg="1"/>
      <p:bldP spid="34" grpId="0" animBg="1"/>
      <p:bldP spid="35" grpId="0" animBg="1"/>
      <p:bldP spid="36" grpId="0" animBg="1"/>
      <p:bldP spid="41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oogle Shape;2282;p54"/>
          <p:cNvGrpSpPr/>
          <p:nvPr/>
        </p:nvGrpSpPr>
        <p:grpSpPr>
          <a:xfrm>
            <a:off x="5197396" y="1289616"/>
            <a:ext cx="6404053" cy="4634934"/>
            <a:chOff x="3578510" y="1419647"/>
            <a:chExt cx="4021500" cy="3062887"/>
          </a:xfrm>
        </p:grpSpPr>
        <p:sp>
          <p:nvSpPr>
            <p:cNvPr id="3" name="Google Shape;2283;p54"/>
            <p:cNvSpPr/>
            <p:nvPr/>
          </p:nvSpPr>
          <p:spPr>
            <a:xfrm>
              <a:off x="3716658" y="1548119"/>
              <a:ext cx="3748500" cy="228570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" name="Google Shape;2284;p54"/>
            <p:cNvSpPr/>
            <p:nvPr/>
          </p:nvSpPr>
          <p:spPr>
            <a:xfrm>
              <a:off x="3578510" y="1419647"/>
              <a:ext cx="4021500" cy="2544300"/>
            </a:xfrm>
            <a:prstGeom prst="roundRect">
              <a:avLst>
                <a:gd name="adj" fmla="val 3857"/>
              </a:avLst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5" name="Google Shape;2285;p54"/>
            <p:cNvSpPr/>
            <p:nvPr/>
          </p:nvSpPr>
          <p:spPr>
            <a:xfrm>
              <a:off x="4900908" y="3963886"/>
              <a:ext cx="1373274" cy="518648"/>
            </a:xfrm>
            <a:custGeom>
              <a:avLst/>
              <a:gdLst/>
              <a:ahLst/>
              <a:cxnLst/>
              <a:rect l="l" t="t" r="r" b="b"/>
              <a:pathLst>
                <a:path w="65999" h="24926" extrusionOk="0">
                  <a:moveTo>
                    <a:pt x="13372" y="0"/>
                  </a:moveTo>
                  <a:cubicBezTo>
                    <a:pt x="13051" y="1881"/>
                    <a:pt x="12653" y="8225"/>
                    <a:pt x="11445" y="11283"/>
                  </a:cubicBezTo>
                  <a:cubicBezTo>
                    <a:pt x="10237" y="14341"/>
                    <a:pt x="7883" y="16511"/>
                    <a:pt x="6125" y="18346"/>
                  </a:cubicBezTo>
                  <a:cubicBezTo>
                    <a:pt x="4367" y="20181"/>
                    <a:pt x="1875" y="21297"/>
                    <a:pt x="896" y="22291"/>
                  </a:cubicBezTo>
                  <a:cubicBezTo>
                    <a:pt x="-82" y="23285"/>
                    <a:pt x="-174" y="23896"/>
                    <a:pt x="254" y="24309"/>
                  </a:cubicBezTo>
                  <a:cubicBezTo>
                    <a:pt x="682" y="24722"/>
                    <a:pt x="805" y="24692"/>
                    <a:pt x="3465" y="24768"/>
                  </a:cubicBezTo>
                  <a:cubicBezTo>
                    <a:pt x="6125" y="24845"/>
                    <a:pt x="10925" y="24768"/>
                    <a:pt x="16215" y="24768"/>
                  </a:cubicBezTo>
                  <a:cubicBezTo>
                    <a:pt x="21505" y="24768"/>
                    <a:pt x="28630" y="24768"/>
                    <a:pt x="35204" y="24768"/>
                  </a:cubicBezTo>
                  <a:cubicBezTo>
                    <a:pt x="41778" y="24768"/>
                    <a:pt x="50783" y="24768"/>
                    <a:pt x="55660" y="24768"/>
                  </a:cubicBezTo>
                  <a:cubicBezTo>
                    <a:pt x="60537" y="24768"/>
                    <a:pt x="62754" y="25104"/>
                    <a:pt x="64466" y="24768"/>
                  </a:cubicBezTo>
                  <a:cubicBezTo>
                    <a:pt x="66178" y="24432"/>
                    <a:pt x="66056" y="23346"/>
                    <a:pt x="65934" y="22750"/>
                  </a:cubicBezTo>
                  <a:cubicBezTo>
                    <a:pt x="65812" y="22154"/>
                    <a:pt x="65353" y="22765"/>
                    <a:pt x="63732" y="21190"/>
                  </a:cubicBezTo>
                  <a:cubicBezTo>
                    <a:pt x="62111" y="19615"/>
                    <a:pt x="57999" y="16512"/>
                    <a:pt x="56210" y="13301"/>
                  </a:cubicBezTo>
                  <a:cubicBezTo>
                    <a:pt x="54421" y="10091"/>
                    <a:pt x="53505" y="4083"/>
                    <a:pt x="53000" y="1927"/>
                  </a:cubicBezTo>
                  <a:cubicBezTo>
                    <a:pt x="52496" y="-229"/>
                    <a:pt x="53153" y="627"/>
                    <a:pt x="53183" y="367"/>
                  </a:cubicBezTo>
                </a:path>
              </a:pathLst>
            </a:cu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  <p:txBody>
            <a:bodyPr/>
            <a:lstStyle/>
            <a:p>
              <a:endParaRPr lang="tr-TR"/>
            </a:p>
          </p:txBody>
        </p:sp>
        <p:cxnSp>
          <p:nvCxnSpPr>
            <p:cNvPr id="6" name="Google Shape;2286;p54"/>
            <p:cNvCxnSpPr/>
            <p:nvPr/>
          </p:nvCxnSpPr>
          <p:spPr>
            <a:xfrm>
              <a:off x="4915750" y="4433452"/>
              <a:ext cx="1353300" cy="0"/>
            </a:xfrm>
            <a:prstGeom prst="straightConnector1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grpSp>
        <p:nvGrpSpPr>
          <p:cNvPr id="8" name="Google Shape;2299;p54"/>
          <p:cNvGrpSpPr/>
          <p:nvPr/>
        </p:nvGrpSpPr>
        <p:grpSpPr>
          <a:xfrm>
            <a:off x="7086600" y="6095160"/>
            <a:ext cx="2358113" cy="362790"/>
            <a:chOff x="1816609" y="3851001"/>
            <a:chExt cx="1093674" cy="222193"/>
          </a:xfrm>
        </p:grpSpPr>
        <p:sp>
          <p:nvSpPr>
            <p:cNvPr id="9" name="Google Shape;2300;p54"/>
            <p:cNvSpPr/>
            <p:nvPr/>
          </p:nvSpPr>
          <p:spPr>
            <a:xfrm>
              <a:off x="1816609" y="3851001"/>
              <a:ext cx="1093674" cy="222193"/>
            </a:xfrm>
            <a:custGeom>
              <a:avLst/>
              <a:gdLst/>
              <a:ahLst/>
              <a:cxnLst/>
              <a:rect l="l" t="t" r="r" b="b"/>
              <a:pathLst>
                <a:path w="38900" h="7903" extrusionOk="0">
                  <a:moveTo>
                    <a:pt x="32154" y="852"/>
                  </a:moveTo>
                  <a:cubicBezTo>
                    <a:pt x="32029" y="852"/>
                    <a:pt x="31911" y="870"/>
                    <a:pt x="31815" y="910"/>
                  </a:cubicBezTo>
                  <a:cubicBezTo>
                    <a:pt x="30934" y="1259"/>
                    <a:pt x="30057" y="1619"/>
                    <a:pt x="29183" y="1986"/>
                  </a:cubicBezTo>
                  <a:cubicBezTo>
                    <a:pt x="30289" y="1683"/>
                    <a:pt x="31405" y="1423"/>
                    <a:pt x="32535" y="1209"/>
                  </a:cubicBezTo>
                  <a:cubicBezTo>
                    <a:pt x="32581" y="1198"/>
                    <a:pt x="32635" y="1195"/>
                    <a:pt x="32688" y="1195"/>
                  </a:cubicBezTo>
                  <a:cubicBezTo>
                    <a:pt x="32853" y="1195"/>
                    <a:pt x="33041" y="1234"/>
                    <a:pt x="33223" y="1298"/>
                  </a:cubicBezTo>
                  <a:cubicBezTo>
                    <a:pt x="32998" y="1017"/>
                    <a:pt x="32532" y="852"/>
                    <a:pt x="32154" y="852"/>
                  </a:cubicBezTo>
                  <a:close/>
                  <a:moveTo>
                    <a:pt x="36026" y="1808"/>
                  </a:moveTo>
                  <a:cubicBezTo>
                    <a:pt x="35323" y="1808"/>
                    <a:pt x="34635" y="1886"/>
                    <a:pt x="33969" y="2036"/>
                  </a:cubicBezTo>
                  <a:cubicBezTo>
                    <a:pt x="33969" y="2172"/>
                    <a:pt x="33908" y="2318"/>
                    <a:pt x="33758" y="2464"/>
                  </a:cubicBezTo>
                  <a:cubicBezTo>
                    <a:pt x="33648" y="2575"/>
                    <a:pt x="33541" y="2689"/>
                    <a:pt x="33441" y="2803"/>
                  </a:cubicBezTo>
                  <a:cubicBezTo>
                    <a:pt x="33530" y="2781"/>
                    <a:pt x="33619" y="2775"/>
                    <a:pt x="33712" y="2775"/>
                  </a:cubicBezTo>
                  <a:cubicBezTo>
                    <a:pt x="34364" y="2775"/>
                    <a:pt x="35031" y="3256"/>
                    <a:pt x="35052" y="3695"/>
                  </a:cubicBezTo>
                  <a:cubicBezTo>
                    <a:pt x="35341" y="3655"/>
                    <a:pt x="35634" y="3637"/>
                    <a:pt x="35926" y="3637"/>
                  </a:cubicBezTo>
                  <a:cubicBezTo>
                    <a:pt x="36290" y="3637"/>
                    <a:pt x="36657" y="3666"/>
                    <a:pt x="37028" y="3723"/>
                  </a:cubicBezTo>
                  <a:cubicBezTo>
                    <a:pt x="37099" y="3734"/>
                    <a:pt x="37170" y="3737"/>
                    <a:pt x="37234" y="3737"/>
                  </a:cubicBezTo>
                  <a:cubicBezTo>
                    <a:pt x="38415" y="3737"/>
                    <a:pt x="38900" y="2136"/>
                    <a:pt x="37502" y="1922"/>
                  </a:cubicBezTo>
                  <a:cubicBezTo>
                    <a:pt x="37007" y="1843"/>
                    <a:pt x="36511" y="1808"/>
                    <a:pt x="36026" y="1808"/>
                  </a:cubicBezTo>
                  <a:close/>
                  <a:moveTo>
                    <a:pt x="6480" y="3645"/>
                  </a:moveTo>
                  <a:lnTo>
                    <a:pt x="6480" y="3645"/>
                  </a:lnTo>
                  <a:cubicBezTo>
                    <a:pt x="6466" y="3652"/>
                    <a:pt x="6455" y="3655"/>
                    <a:pt x="6441" y="3659"/>
                  </a:cubicBezTo>
                  <a:cubicBezTo>
                    <a:pt x="6412" y="3723"/>
                    <a:pt x="6383" y="3787"/>
                    <a:pt x="6359" y="3851"/>
                  </a:cubicBezTo>
                  <a:cubicBezTo>
                    <a:pt x="6398" y="3784"/>
                    <a:pt x="6437" y="3713"/>
                    <a:pt x="6480" y="3645"/>
                  </a:cubicBezTo>
                  <a:close/>
                  <a:moveTo>
                    <a:pt x="21010" y="0"/>
                  </a:moveTo>
                  <a:cubicBezTo>
                    <a:pt x="20879" y="0"/>
                    <a:pt x="20747" y="18"/>
                    <a:pt x="20622" y="64"/>
                  </a:cubicBezTo>
                  <a:cubicBezTo>
                    <a:pt x="18436" y="831"/>
                    <a:pt x="16353" y="1801"/>
                    <a:pt x="14389" y="2977"/>
                  </a:cubicBezTo>
                  <a:cubicBezTo>
                    <a:pt x="14735" y="2475"/>
                    <a:pt x="15102" y="1990"/>
                    <a:pt x="15491" y="1512"/>
                  </a:cubicBezTo>
                  <a:cubicBezTo>
                    <a:pt x="16118" y="746"/>
                    <a:pt x="15117" y="289"/>
                    <a:pt x="14353" y="289"/>
                  </a:cubicBezTo>
                  <a:cubicBezTo>
                    <a:pt x="14154" y="289"/>
                    <a:pt x="13972" y="318"/>
                    <a:pt x="13836" y="385"/>
                  </a:cubicBezTo>
                  <a:cubicBezTo>
                    <a:pt x="12110" y="1244"/>
                    <a:pt x="10484" y="2261"/>
                    <a:pt x="8969" y="3431"/>
                  </a:cubicBezTo>
                  <a:cubicBezTo>
                    <a:pt x="9272" y="2842"/>
                    <a:pt x="9614" y="2268"/>
                    <a:pt x="9996" y="1708"/>
                  </a:cubicBezTo>
                  <a:cubicBezTo>
                    <a:pt x="10542" y="906"/>
                    <a:pt x="9646" y="471"/>
                    <a:pt x="8905" y="471"/>
                  </a:cubicBezTo>
                  <a:cubicBezTo>
                    <a:pt x="8694" y="471"/>
                    <a:pt x="8491" y="507"/>
                    <a:pt x="8341" y="581"/>
                  </a:cubicBezTo>
                  <a:cubicBezTo>
                    <a:pt x="5938" y="1741"/>
                    <a:pt x="3534" y="2903"/>
                    <a:pt x="1131" y="4062"/>
                  </a:cubicBezTo>
                  <a:cubicBezTo>
                    <a:pt x="1" y="4608"/>
                    <a:pt x="893" y="5670"/>
                    <a:pt x="1862" y="5670"/>
                  </a:cubicBezTo>
                  <a:cubicBezTo>
                    <a:pt x="2045" y="5670"/>
                    <a:pt x="2226" y="5635"/>
                    <a:pt x="2401" y="5549"/>
                  </a:cubicBezTo>
                  <a:cubicBezTo>
                    <a:pt x="3546" y="4996"/>
                    <a:pt x="4690" y="4443"/>
                    <a:pt x="5835" y="3891"/>
                  </a:cubicBezTo>
                  <a:lnTo>
                    <a:pt x="5835" y="3891"/>
                  </a:lnTo>
                  <a:cubicBezTo>
                    <a:pt x="5392" y="4055"/>
                    <a:pt x="4947" y="4211"/>
                    <a:pt x="4501" y="4361"/>
                  </a:cubicBezTo>
                  <a:cubicBezTo>
                    <a:pt x="4248" y="4447"/>
                    <a:pt x="3944" y="4508"/>
                    <a:pt x="3649" y="4508"/>
                  </a:cubicBezTo>
                  <a:cubicBezTo>
                    <a:pt x="3378" y="4508"/>
                    <a:pt x="3110" y="4458"/>
                    <a:pt x="2886" y="4336"/>
                  </a:cubicBezTo>
                  <a:cubicBezTo>
                    <a:pt x="2532" y="4144"/>
                    <a:pt x="2443" y="3773"/>
                    <a:pt x="2896" y="3619"/>
                  </a:cubicBezTo>
                  <a:cubicBezTo>
                    <a:pt x="4173" y="3191"/>
                    <a:pt x="5428" y="2707"/>
                    <a:pt x="6666" y="2164"/>
                  </a:cubicBezTo>
                  <a:cubicBezTo>
                    <a:pt x="6887" y="2069"/>
                    <a:pt x="7175" y="2015"/>
                    <a:pt x="7464" y="2015"/>
                  </a:cubicBezTo>
                  <a:cubicBezTo>
                    <a:pt x="7593" y="2015"/>
                    <a:pt x="7721" y="2026"/>
                    <a:pt x="7846" y="2047"/>
                  </a:cubicBezTo>
                  <a:cubicBezTo>
                    <a:pt x="8074" y="1901"/>
                    <a:pt x="8330" y="1794"/>
                    <a:pt x="8562" y="1794"/>
                  </a:cubicBezTo>
                  <a:cubicBezTo>
                    <a:pt x="8598" y="1794"/>
                    <a:pt x="8634" y="1797"/>
                    <a:pt x="8669" y="1805"/>
                  </a:cubicBezTo>
                  <a:cubicBezTo>
                    <a:pt x="9054" y="1865"/>
                    <a:pt x="9375" y="2079"/>
                    <a:pt x="9041" y="2490"/>
                  </a:cubicBezTo>
                  <a:cubicBezTo>
                    <a:pt x="8491" y="3153"/>
                    <a:pt x="8074" y="3841"/>
                    <a:pt x="7774" y="4600"/>
                  </a:cubicBezTo>
                  <a:cubicBezTo>
                    <a:pt x="9536" y="3398"/>
                    <a:pt x="11351" y="2283"/>
                    <a:pt x="13223" y="1256"/>
                  </a:cubicBezTo>
                  <a:cubicBezTo>
                    <a:pt x="13379" y="1170"/>
                    <a:pt x="13729" y="1091"/>
                    <a:pt x="14032" y="1091"/>
                  </a:cubicBezTo>
                  <a:cubicBezTo>
                    <a:pt x="14449" y="1091"/>
                    <a:pt x="14778" y="1238"/>
                    <a:pt x="14378" y="1701"/>
                  </a:cubicBezTo>
                  <a:cubicBezTo>
                    <a:pt x="13740" y="2447"/>
                    <a:pt x="13305" y="3220"/>
                    <a:pt x="13055" y="4116"/>
                  </a:cubicBezTo>
                  <a:cubicBezTo>
                    <a:pt x="14791" y="3156"/>
                    <a:pt x="16575" y="2111"/>
                    <a:pt x="18386" y="1494"/>
                  </a:cubicBezTo>
                  <a:cubicBezTo>
                    <a:pt x="18660" y="1402"/>
                    <a:pt x="18896" y="1359"/>
                    <a:pt x="19099" y="1359"/>
                  </a:cubicBezTo>
                  <a:cubicBezTo>
                    <a:pt x="20144" y="1359"/>
                    <a:pt x="20262" y="2514"/>
                    <a:pt x="20204" y="3630"/>
                  </a:cubicBezTo>
                  <a:cubicBezTo>
                    <a:pt x="21502" y="2892"/>
                    <a:pt x="22840" y="2229"/>
                    <a:pt x="24213" y="1634"/>
                  </a:cubicBezTo>
                  <a:cubicBezTo>
                    <a:pt x="24216" y="1630"/>
                    <a:pt x="24216" y="1623"/>
                    <a:pt x="24216" y="1619"/>
                  </a:cubicBezTo>
                  <a:cubicBezTo>
                    <a:pt x="24244" y="1109"/>
                    <a:pt x="24766" y="867"/>
                    <a:pt x="25304" y="867"/>
                  </a:cubicBezTo>
                  <a:cubicBezTo>
                    <a:pt x="25906" y="867"/>
                    <a:pt x="26530" y="1173"/>
                    <a:pt x="26499" y="1744"/>
                  </a:cubicBezTo>
                  <a:cubicBezTo>
                    <a:pt x="26477" y="2126"/>
                    <a:pt x="26438" y="2496"/>
                    <a:pt x="26384" y="2867"/>
                  </a:cubicBezTo>
                  <a:cubicBezTo>
                    <a:pt x="26591" y="2793"/>
                    <a:pt x="26798" y="2721"/>
                    <a:pt x="27004" y="2653"/>
                  </a:cubicBezTo>
                  <a:cubicBezTo>
                    <a:pt x="27236" y="2250"/>
                    <a:pt x="27483" y="1855"/>
                    <a:pt x="27743" y="1466"/>
                  </a:cubicBezTo>
                  <a:cubicBezTo>
                    <a:pt x="28220" y="746"/>
                    <a:pt x="27386" y="168"/>
                    <a:pt x="26695" y="168"/>
                  </a:cubicBezTo>
                  <a:cubicBezTo>
                    <a:pt x="26573" y="168"/>
                    <a:pt x="26459" y="186"/>
                    <a:pt x="26352" y="225"/>
                  </a:cubicBezTo>
                  <a:cubicBezTo>
                    <a:pt x="24637" y="842"/>
                    <a:pt x="23000" y="1591"/>
                    <a:pt x="21431" y="2468"/>
                  </a:cubicBezTo>
                  <a:cubicBezTo>
                    <a:pt x="21624" y="2079"/>
                    <a:pt x="21817" y="1690"/>
                    <a:pt x="22009" y="1305"/>
                  </a:cubicBezTo>
                  <a:cubicBezTo>
                    <a:pt x="22373" y="574"/>
                    <a:pt x="21702" y="0"/>
                    <a:pt x="21010" y="0"/>
                  </a:cubicBezTo>
                  <a:close/>
                  <a:moveTo>
                    <a:pt x="30485" y="3384"/>
                  </a:moveTo>
                  <a:cubicBezTo>
                    <a:pt x="28780" y="3837"/>
                    <a:pt x="27111" y="4407"/>
                    <a:pt x="25467" y="5085"/>
                  </a:cubicBezTo>
                  <a:cubicBezTo>
                    <a:pt x="25325" y="5146"/>
                    <a:pt x="25161" y="5174"/>
                    <a:pt x="24993" y="5174"/>
                  </a:cubicBezTo>
                  <a:cubicBezTo>
                    <a:pt x="24394" y="5174"/>
                    <a:pt x="23749" y="4817"/>
                    <a:pt x="23820" y="4208"/>
                  </a:cubicBezTo>
                  <a:lnTo>
                    <a:pt x="23820" y="4208"/>
                  </a:lnTo>
                  <a:cubicBezTo>
                    <a:pt x="23721" y="4437"/>
                    <a:pt x="23627" y="4668"/>
                    <a:pt x="23538" y="4903"/>
                  </a:cubicBezTo>
                  <a:cubicBezTo>
                    <a:pt x="23257" y="5627"/>
                    <a:pt x="24013" y="5920"/>
                    <a:pt x="24665" y="5920"/>
                  </a:cubicBezTo>
                  <a:cubicBezTo>
                    <a:pt x="24908" y="5920"/>
                    <a:pt x="25136" y="5880"/>
                    <a:pt x="25289" y="5806"/>
                  </a:cubicBezTo>
                  <a:cubicBezTo>
                    <a:pt x="26919" y="5021"/>
                    <a:pt x="28566" y="4276"/>
                    <a:pt x="30231" y="3570"/>
                  </a:cubicBezTo>
                  <a:lnTo>
                    <a:pt x="30231" y="3570"/>
                  </a:lnTo>
                  <a:cubicBezTo>
                    <a:pt x="30131" y="3805"/>
                    <a:pt x="30032" y="4040"/>
                    <a:pt x="29932" y="4276"/>
                  </a:cubicBezTo>
                  <a:cubicBezTo>
                    <a:pt x="29632" y="4985"/>
                    <a:pt x="30292" y="5260"/>
                    <a:pt x="30952" y="5260"/>
                  </a:cubicBezTo>
                  <a:cubicBezTo>
                    <a:pt x="31323" y="5260"/>
                    <a:pt x="31697" y="5171"/>
                    <a:pt x="31893" y="5024"/>
                  </a:cubicBezTo>
                  <a:lnTo>
                    <a:pt x="31893" y="5024"/>
                  </a:lnTo>
                  <a:cubicBezTo>
                    <a:pt x="31869" y="5036"/>
                    <a:pt x="31843" y="5042"/>
                    <a:pt x="31818" y="5049"/>
                  </a:cubicBezTo>
                  <a:cubicBezTo>
                    <a:pt x="31701" y="5082"/>
                    <a:pt x="31558" y="5100"/>
                    <a:pt x="31401" y="5100"/>
                  </a:cubicBezTo>
                  <a:cubicBezTo>
                    <a:pt x="30745" y="5100"/>
                    <a:pt x="29904" y="4786"/>
                    <a:pt x="30192" y="4044"/>
                  </a:cubicBezTo>
                  <a:cubicBezTo>
                    <a:pt x="30281" y="3816"/>
                    <a:pt x="30378" y="3594"/>
                    <a:pt x="30485" y="3384"/>
                  </a:cubicBezTo>
                  <a:close/>
                  <a:moveTo>
                    <a:pt x="24084" y="2903"/>
                  </a:moveTo>
                  <a:lnTo>
                    <a:pt x="24084" y="2903"/>
                  </a:lnTo>
                  <a:cubicBezTo>
                    <a:pt x="22447" y="3627"/>
                    <a:pt x="20875" y="4468"/>
                    <a:pt x="19353" y="5421"/>
                  </a:cubicBezTo>
                  <a:cubicBezTo>
                    <a:pt x="19242" y="5492"/>
                    <a:pt x="18785" y="5663"/>
                    <a:pt x="18443" y="5663"/>
                  </a:cubicBezTo>
                  <a:cubicBezTo>
                    <a:pt x="18208" y="5663"/>
                    <a:pt x="18026" y="5581"/>
                    <a:pt x="18051" y="5331"/>
                  </a:cubicBezTo>
                  <a:cubicBezTo>
                    <a:pt x="18065" y="5167"/>
                    <a:pt x="18122" y="4697"/>
                    <a:pt x="18150" y="4205"/>
                  </a:cubicBezTo>
                  <a:lnTo>
                    <a:pt x="18150" y="4205"/>
                  </a:lnTo>
                  <a:cubicBezTo>
                    <a:pt x="18037" y="4432"/>
                    <a:pt x="17926" y="4661"/>
                    <a:pt x="17812" y="4889"/>
                  </a:cubicBezTo>
                  <a:cubicBezTo>
                    <a:pt x="17398" y="5720"/>
                    <a:pt x="18073" y="6119"/>
                    <a:pt x="18779" y="6119"/>
                  </a:cubicBezTo>
                  <a:cubicBezTo>
                    <a:pt x="19110" y="6119"/>
                    <a:pt x="19445" y="6033"/>
                    <a:pt x="19684" y="5859"/>
                  </a:cubicBezTo>
                  <a:cubicBezTo>
                    <a:pt x="21057" y="4853"/>
                    <a:pt x="22511" y="3976"/>
                    <a:pt x="24030" y="3231"/>
                  </a:cubicBezTo>
                  <a:cubicBezTo>
                    <a:pt x="24048" y="3120"/>
                    <a:pt x="24066" y="3010"/>
                    <a:pt x="24084" y="2903"/>
                  </a:cubicBezTo>
                  <a:close/>
                  <a:moveTo>
                    <a:pt x="17987" y="2828"/>
                  </a:moveTo>
                  <a:cubicBezTo>
                    <a:pt x="17915" y="2828"/>
                    <a:pt x="16671" y="3559"/>
                    <a:pt x="16503" y="3645"/>
                  </a:cubicBezTo>
                  <a:cubicBezTo>
                    <a:pt x="15031" y="4389"/>
                    <a:pt x="13562" y="5131"/>
                    <a:pt x="12089" y="5877"/>
                  </a:cubicBezTo>
                  <a:cubicBezTo>
                    <a:pt x="11993" y="5926"/>
                    <a:pt x="11504" y="6112"/>
                    <a:pt x="11151" y="6112"/>
                  </a:cubicBezTo>
                  <a:cubicBezTo>
                    <a:pt x="10923" y="6112"/>
                    <a:pt x="10756" y="6033"/>
                    <a:pt x="10791" y="5784"/>
                  </a:cubicBezTo>
                  <a:cubicBezTo>
                    <a:pt x="10902" y="4988"/>
                    <a:pt x="11116" y="4251"/>
                    <a:pt x="11433" y="3563"/>
                  </a:cubicBezTo>
                  <a:lnTo>
                    <a:pt x="11433" y="3563"/>
                  </a:lnTo>
                  <a:cubicBezTo>
                    <a:pt x="9867" y="4514"/>
                    <a:pt x="8348" y="5534"/>
                    <a:pt x="6869" y="6622"/>
                  </a:cubicBezTo>
                  <a:cubicBezTo>
                    <a:pt x="6762" y="6700"/>
                    <a:pt x="6052" y="7021"/>
                    <a:pt x="5624" y="7021"/>
                  </a:cubicBezTo>
                  <a:cubicBezTo>
                    <a:pt x="5521" y="7021"/>
                    <a:pt x="5435" y="7004"/>
                    <a:pt x="5378" y="6957"/>
                  </a:cubicBezTo>
                  <a:lnTo>
                    <a:pt x="5378" y="6957"/>
                  </a:lnTo>
                  <a:cubicBezTo>
                    <a:pt x="5321" y="7570"/>
                    <a:pt x="5917" y="7902"/>
                    <a:pt x="6505" y="7902"/>
                  </a:cubicBezTo>
                  <a:cubicBezTo>
                    <a:pt x="6833" y="7902"/>
                    <a:pt x="7161" y="7795"/>
                    <a:pt x="7368" y="7577"/>
                  </a:cubicBezTo>
                  <a:cubicBezTo>
                    <a:pt x="8527" y="6365"/>
                    <a:pt x="9768" y="5274"/>
                    <a:pt x="11101" y="4300"/>
                  </a:cubicBezTo>
                  <a:lnTo>
                    <a:pt x="11101" y="4300"/>
                  </a:lnTo>
                  <a:cubicBezTo>
                    <a:pt x="10795" y="4886"/>
                    <a:pt x="10513" y="5481"/>
                    <a:pt x="10249" y="6098"/>
                  </a:cubicBezTo>
                  <a:cubicBezTo>
                    <a:pt x="9946" y="6804"/>
                    <a:pt x="10616" y="7085"/>
                    <a:pt x="11276" y="7085"/>
                  </a:cubicBezTo>
                  <a:cubicBezTo>
                    <a:pt x="11654" y="7085"/>
                    <a:pt x="12028" y="6996"/>
                    <a:pt x="12221" y="6840"/>
                  </a:cubicBezTo>
                  <a:cubicBezTo>
                    <a:pt x="14050" y="5374"/>
                    <a:pt x="16029" y="4126"/>
                    <a:pt x="18126" y="3113"/>
                  </a:cubicBezTo>
                  <a:cubicBezTo>
                    <a:pt x="18097" y="2971"/>
                    <a:pt x="18055" y="2867"/>
                    <a:pt x="17987" y="2828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0" name="Google Shape;2301;p54"/>
            <p:cNvSpPr/>
            <p:nvPr/>
          </p:nvSpPr>
          <p:spPr>
            <a:xfrm>
              <a:off x="1980627" y="3951650"/>
              <a:ext cx="18078" cy="8744"/>
            </a:xfrm>
            <a:custGeom>
              <a:avLst/>
              <a:gdLst/>
              <a:ahLst/>
              <a:cxnLst/>
              <a:rect l="l" t="t" r="r" b="b"/>
              <a:pathLst>
                <a:path w="643" h="311" extrusionOk="0">
                  <a:moveTo>
                    <a:pt x="643" y="1"/>
                  </a:moveTo>
                  <a:lnTo>
                    <a:pt x="643" y="1"/>
                  </a:lnTo>
                  <a:cubicBezTo>
                    <a:pt x="429" y="103"/>
                    <a:pt x="215" y="207"/>
                    <a:pt x="1" y="311"/>
                  </a:cubicBezTo>
                  <a:cubicBezTo>
                    <a:pt x="204" y="236"/>
                    <a:pt x="404" y="157"/>
                    <a:pt x="607" y="79"/>
                  </a:cubicBezTo>
                  <a:cubicBezTo>
                    <a:pt x="618" y="54"/>
                    <a:pt x="632" y="26"/>
                    <a:pt x="643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1" name="Google Shape;2302;p54"/>
            <p:cNvSpPr/>
            <p:nvPr/>
          </p:nvSpPr>
          <p:spPr>
            <a:xfrm>
              <a:off x="1885292" y="3907623"/>
              <a:ext cx="151905" cy="70119"/>
            </a:xfrm>
            <a:custGeom>
              <a:avLst/>
              <a:gdLst/>
              <a:ahLst/>
              <a:cxnLst/>
              <a:rect l="l" t="t" r="r" b="b"/>
              <a:pathLst>
                <a:path w="5403" h="2494" extrusionOk="0">
                  <a:moveTo>
                    <a:pt x="5021" y="1"/>
                  </a:moveTo>
                  <a:cubicBezTo>
                    <a:pt x="4732" y="1"/>
                    <a:pt x="4444" y="55"/>
                    <a:pt x="4223" y="150"/>
                  </a:cubicBezTo>
                  <a:cubicBezTo>
                    <a:pt x="2985" y="693"/>
                    <a:pt x="1730" y="1177"/>
                    <a:pt x="453" y="1605"/>
                  </a:cubicBezTo>
                  <a:cubicBezTo>
                    <a:pt x="0" y="1759"/>
                    <a:pt x="89" y="2130"/>
                    <a:pt x="443" y="2322"/>
                  </a:cubicBezTo>
                  <a:cubicBezTo>
                    <a:pt x="667" y="2444"/>
                    <a:pt x="935" y="2494"/>
                    <a:pt x="1206" y="2494"/>
                  </a:cubicBezTo>
                  <a:cubicBezTo>
                    <a:pt x="1501" y="2494"/>
                    <a:pt x="1805" y="2433"/>
                    <a:pt x="2058" y="2347"/>
                  </a:cubicBezTo>
                  <a:cubicBezTo>
                    <a:pt x="2504" y="2197"/>
                    <a:pt x="2949" y="2041"/>
                    <a:pt x="3392" y="1877"/>
                  </a:cubicBezTo>
                  <a:cubicBezTo>
                    <a:pt x="3606" y="1773"/>
                    <a:pt x="3820" y="1669"/>
                    <a:pt x="4034" y="1567"/>
                  </a:cubicBezTo>
                  <a:lnTo>
                    <a:pt x="4034" y="1567"/>
                  </a:lnTo>
                  <a:cubicBezTo>
                    <a:pt x="4023" y="1592"/>
                    <a:pt x="4009" y="1620"/>
                    <a:pt x="3998" y="1645"/>
                  </a:cubicBezTo>
                  <a:cubicBezTo>
                    <a:pt x="4012" y="1641"/>
                    <a:pt x="4023" y="1638"/>
                    <a:pt x="4037" y="1631"/>
                  </a:cubicBezTo>
                  <a:cubicBezTo>
                    <a:pt x="4261" y="1260"/>
                    <a:pt x="4518" y="903"/>
                    <a:pt x="4804" y="553"/>
                  </a:cubicBezTo>
                  <a:cubicBezTo>
                    <a:pt x="4939" y="390"/>
                    <a:pt x="5156" y="190"/>
                    <a:pt x="5403" y="33"/>
                  </a:cubicBezTo>
                  <a:cubicBezTo>
                    <a:pt x="5278" y="12"/>
                    <a:pt x="5150" y="1"/>
                    <a:pt x="5021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2" name="Google Shape;2303;p54"/>
            <p:cNvSpPr/>
            <p:nvPr/>
          </p:nvSpPr>
          <p:spPr>
            <a:xfrm>
              <a:off x="1965080" y="3928906"/>
              <a:ext cx="381802" cy="117689"/>
            </a:xfrm>
            <a:custGeom>
              <a:avLst/>
              <a:gdLst/>
              <a:ahLst/>
              <a:cxnLst/>
              <a:rect l="l" t="t" r="r" b="b"/>
              <a:pathLst>
                <a:path w="13580" h="4186" extrusionOk="0">
                  <a:moveTo>
                    <a:pt x="13580" y="0"/>
                  </a:moveTo>
                  <a:lnTo>
                    <a:pt x="13580" y="0"/>
                  </a:lnTo>
                  <a:cubicBezTo>
                    <a:pt x="13333" y="111"/>
                    <a:pt x="13091" y="224"/>
                    <a:pt x="12845" y="342"/>
                  </a:cubicBezTo>
                  <a:cubicBezTo>
                    <a:pt x="12898" y="613"/>
                    <a:pt x="12895" y="1031"/>
                    <a:pt x="12869" y="1434"/>
                  </a:cubicBezTo>
                  <a:cubicBezTo>
                    <a:pt x="13109" y="955"/>
                    <a:pt x="13344" y="478"/>
                    <a:pt x="13580" y="0"/>
                  </a:cubicBezTo>
                  <a:close/>
                  <a:moveTo>
                    <a:pt x="1078" y="1080"/>
                  </a:moveTo>
                  <a:lnTo>
                    <a:pt x="1078" y="1080"/>
                  </a:lnTo>
                  <a:cubicBezTo>
                    <a:pt x="579" y="1954"/>
                    <a:pt x="236" y="2892"/>
                    <a:pt x="29" y="3922"/>
                  </a:cubicBezTo>
                  <a:cubicBezTo>
                    <a:pt x="1" y="4051"/>
                    <a:pt x="29" y="4136"/>
                    <a:pt x="97" y="4186"/>
                  </a:cubicBezTo>
                  <a:cubicBezTo>
                    <a:pt x="101" y="4147"/>
                    <a:pt x="108" y="4108"/>
                    <a:pt x="115" y="4065"/>
                  </a:cubicBezTo>
                  <a:cubicBezTo>
                    <a:pt x="347" y="3030"/>
                    <a:pt x="668" y="2036"/>
                    <a:pt x="1078" y="108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3" name="Google Shape;2304;p54"/>
            <p:cNvSpPr/>
            <p:nvPr/>
          </p:nvSpPr>
          <p:spPr>
            <a:xfrm>
              <a:off x="1967779" y="3881674"/>
              <a:ext cx="529574" cy="166722"/>
            </a:xfrm>
            <a:custGeom>
              <a:avLst/>
              <a:gdLst/>
              <a:ahLst/>
              <a:cxnLst/>
              <a:rect l="l" t="t" r="r" b="b"/>
              <a:pathLst>
                <a:path w="18836" h="5930" extrusionOk="0">
                  <a:moveTo>
                    <a:pt x="8655" y="0"/>
                  </a:moveTo>
                  <a:cubicBezTo>
                    <a:pt x="8352" y="0"/>
                    <a:pt x="8002" y="79"/>
                    <a:pt x="7846" y="165"/>
                  </a:cubicBezTo>
                  <a:cubicBezTo>
                    <a:pt x="5974" y="1192"/>
                    <a:pt x="4159" y="2307"/>
                    <a:pt x="2397" y="3509"/>
                  </a:cubicBezTo>
                  <a:cubicBezTo>
                    <a:pt x="2697" y="2750"/>
                    <a:pt x="3114" y="2062"/>
                    <a:pt x="3664" y="1399"/>
                  </a:cubicBezTo>
                  <a:cubicBezTo>
                    <a:pt x="3998" y="988"/>
                    <a:pt x="3677" y="774"/>
                    <a:pt x="3292" y="714"/>
                  </a:cubicBezTo>
                  <a:cubicBezTo>
                    <a:pt x="3257" y="706"/>
                    <a:pt x="3221" y="703"/>
                    <a:pt x="3185" y="703"/>
                  </a:cubicBezTo>
                  <a:cubicBezTo>
                    <a:pt x="2953" y="703"/>
                    <a:pt x="2697" y="810"/>
                    <a:pt x="2469" y="956"/>
                  </a:cubicBezTo>
                  <a:cubicBezTo>
                    <a:pt x="2629" y="984"/>
                    <a:pt x="2779" y="1031"/>
                    <a:pt x="2904" y="1103"/>
                  </a:cubicBezTo>
                  <a:cubicBezTo>
                    <a:pt x="3285" y="1305"/>
                    <a:pt x="3317" y="1630"/>
                    <a:pt x="2893" y="1815"/>
                  </a:cubicBezTo>
                  <a:cubicBezTo>
                    <a:pt x="2301" y="2076"/>
                    <a:pt x="1706" y="2322"/>
                    <a:pt x="1103" y="2554"/>
                  </a:cubicBezTo>
                  <a:cubicBezTo>
                    <a:pt x="1060" y="2622"/>
                    <a:pt x="1021" y="2693"/>
                    <a:pt x="982" y="2760"/>
                  </a:cubicBezTo>
                  <a:cubicBezTo>
                    <a:pt x="572" y="3716"/>
                    <a:pt x="251" y="4710"/>
                    <a:pt x="19" y="5745"/>
                  </a:cubicBezTo>
                  <a:cubicBezTo>
                    <a:pt x="12" y="5788"/>
                    <a:pt x="5" y="5827"/>
                    <a:pt x="1" y="5866"/>
                  </a:cubicBezTo>
                  <a:cubicBezTo>
                    <a:pt x="58" y="5913"/>
                    <a:pt x="144" y="5930"/>
                    <a:pt x="247" y="5930"/>
                  </a:cubicBezTo>
                  <a:cubicBezTo>
                    <a:pt x="675" y="5930"/>
                    <a:pt x="1385" y="5609"/>
                    <a:pt x="1492" y="5531"/>
                  </a:cubicBezTo>
                  <a:cubicBezTo>
                    <a:pt x="2971" y="4443"/>
                    <a:pt x="4490" y="3423"/>
                    <a:pt x="6056" y="2472"/>
                  </a:cubicBezTo>
                  <a:lnTo>
                    <a:pt x="6056" y="2472"/>
                  </a:lnTo>
                  <a:cubicBezTo>
                    <a:pt x="5739" y="3160"/>
                    <a:pt x="5525" y="3897"/>
                    <a:pt x="5414" y="4693"/>
                  </a:cubicBezTo>
                  <a:cubicBezTo>
                    <a:pt x="5379" y="4942"/>
                    <a:pt x="5546" y="5021"/>
                    <a:pt x="5774" y="5021"/>
                  </a:cubicBezTo>
                  <a:cubicBezTo>
                    <a:pt x="6127" y="5021"/>
                    <a:pt x="6616" y="4835"/>
                    <a:pt x="6712" y="4786"/>
                  </a:cubicBezTo>
                  <a:cubicBezTo>
                    <a:pt x="8185" y="4040"/>
                    <a:pt x="9654" y="3298"/>
                    <a:pt x="11126" y="2554"/>
                  </a:cubicBezTo>
                  <a:cubicBezTo>
                    <a:pt x="11294" y="2468"/>
                    <a:pt x="12538" y="1737"/>
                    <a:pt x="12610" y="1737"/>
                  </a:cubicBezTo>
                  <a:cubicBezTo>
                    <a:pt x="12678" y="1776"/>
                    <a:pt x="12720" y="1880"/>
                    <a:pt x="12749" y="2022"/>
                  </a:cubicBezTo>
                  <a:cubicBezTo>
                    <a:pt x="12995" y="1904"/>
                    <a:pt x="13237" y="1791"/>
                    <a:pt x="13484" y="1680"/>
                  </a:cubicBezTo>
                  <a:lnTo>
                    <a:pt x="13484" y="1680"/>
                  </a:lnTo>
                  <a:cubicBezTo>
                    <a:pt x="13248" y="2158"/>
                    <a:pt x="13013" y="2635"/>
                    <a:pt x="12773" y="3114"/>
                  </a:cubicBezTo>
                  <a:cubicBezTo>
                    <a:pt x="12745" y="3606"/>
                    <a:pt x="12688" y="4076"/>
                    <a:pt x="12674" y="4240"/>
                  </a:cubicBezTo>
                  <a:cubicBezTo>
                    <a:pt x="12649" y="4490"/>
                    <a:pt x="12831" y="4572"/>
                    <a:pt x="13066" y="4572"/>
                  </a:cubicBezTo>
                  <a:cubicBezTo>
                    <a:pt x="13408" y="4572"/>
                    <a:pt x="13865" y="4401"/>
                    <a:pt x="13976" y="4330"/>
                  </a:cubicBezTo>
                  <a:cubicBezTo>
                    <a:pt x="15498" y="3377"/>
                    <a:pt x="17070" y="2536"/>
                    <a:pt x="18707" y="1812"/>
                  </a:cubicBezTo>
                  <a:cubicBezTo>
                    <a:pt x="18772" y="1391"/>
                    <a:pt x="18811" y="974"/>
                    <a:pt x="18836" y="543"/>
                  </a:cubicBezTo>
                  <a:lnTo>
                    <a:pt x="18836" y="543"/>
                  </a:lnTo>
                  <a:cubicBezTo>
                    <a:pt x="17463" y="1138"/>
                    <a:pt x="16125" y="1801"/>
                    <a:pt x="14827" y="2539"/>
                  </a:cubicBezTo>
                  <a:cubicBezTo>
                    <a:pt x="14885" y="1423"/>
                    <a:pt x="14767" y="268"/>
                    <a:pt x="13722" y="268"/>
                  </a:cubicBezTo>
                  <a:cubicBezTo>
                    <a:pt x="13519" y="268"/>
                    <a:pt x="13283" y="311"/>
                    <a:pt x="13009" y="403"/>
                  </a:cubicBezTo>
                  <a:cubicBezTo>
                    <a:pt x="11198" y="1020"/>
                    <a:pt x="9414" y="2065"/>
                    <a:pt x="7678" y="3025"/>
                  </a:cubicBezTo>
                  <a:cubicBezTo>
                    <a:pt x="7928" y="2129"/>
                    <a:pt x="8363" y="1356"/>
                    <a:pt x="9001" y="610"/>
                  </a:cubicBezTo>
                  <a:cubicBezTo>
                    <a:pt x="9401" y="147"/>
                    <a:pt x="9072" y="0"/>
                    <a:pt x="8655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4" name="Google Shape;2305;p54"/>
            <p:cNvSpPr/>
            <p:nvPr/>
          </p:nvSpPr>
          <p:spPr>
            <a:xfrm>
              <a:off x="1998789" y="3908551"/>
              <a:ext cx="62247" cy="44928"/>
            </a:xfrm>
            <a:custGeom>
              <a:avLst/>
              <a:gdLst/>
              <a:ahLst/>
              <a:cxnLst/>
              <a:rect l="l" t="t" r="r" b="b"/>
              <a:pathLst>
                <a:path w="2214" h="1598" extrusionOk="0">
                  <a:moveTo>
                    <a:pt x="1366" y="0"/>
                  </a:moveTo>
                  <a:cubicBezTo>
                    <a:pt x="1119" y="157"/>
                    <a:pt x="902" y="357"/>
                    <a:pt x="767" y="520"/>
                  </a:cubicBezTo>
                  <a:cubicBezTo>
                    <a:pt x="481" y="870"/>
                    <a:pt x="224" y="1227"/>
                    <a:pt x="0" y="1598"/>
                  </a:cubicBezTo>
                  <a:cubicBezTo>
                    <a:pt x="603" y="1366"/>
                    <a:pt x="1198" y="1120"/>
                    <a:pt x="1790" y="859"/>
                  </a:cubicBezTo>
                  <a:cubicBezTo>
                    <a:pt x="2214" y="674"/>
                    <a:pt x="2182" y="349"/>
                    <a:pt x="1801" y="147"/>
                  </a:cubicBezTo>
                  <a:cubicBezTo>
                    <a:pt x="1676" y="75"/>
                    <a:pt x="1526" y="28"/>
                    <a:pt x="136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5" name="Google Shape;2306;p54"/>
            <p:cNvSpPr/>
            <p:nvPr/>
          </p:nvSpPr>
          <p:spPr>
            <a:xfrm>
              <a:off x="2486262" y="3887494"/>
              <a:ext cx="316153" cy="104785"/>
            </a:xfrm>
            <a:custGeom>
              <a:avLst/>
              <a:gdLst/>
              <a:ahLst/>
              <a:cxnLst/>
              <a:rect l="l" t="t" r="r" b="b"/>
              <a:pathLst>
                <a:path w="11245" h="3727" extrusionOk="0">
                  <a:moveTo>
                    <a:pt x="9404" y="0"/>
                  </a:moveTo>
                  <a:cubicBezTo>
                    <a:pt x="9536" y="172"/>
                    <a:pt x="9586" y="382"/>
                    <a:pt x="9483" y="624"/>
                  </a:cubicBezTo>
                  <a:cubicBezTo>
                    <a:pt x="9436" y="738"/>
                    <a:pt x="9386" y="853"/>
                    <a:pt x="9340" y="963"/>
                  </a:cubicBezTo>
                  <a:cubicBezTo>
                    <a:pt x="9604" y="878"/>
                    <a:pt x="9875" y="802"/>
                    <a:pt x="10150" y="738"/>
                  </a:cubicBezTo>
                  <a:cubicBezTo>
                    <a:pt x="10150" y="417"/>
                    <a:pt x="9793" y="143"/>
                    <a:pt x="9404" y="0"/>
                  </a:cubicBezTo>
                  <a:close/>
                  <a:moveTo>
                    <a:pt x="5364" y="688"/>
                  </a:moveTo>
                  <a:lnTo>
                    <a:pt x="5364" y="688"/>
                  </a:lnTo>
                  <a:cubicBezTo>
                    <a:pt x="4633" y="892"/>
                    <a:pt x="3906" y="1113"/>
                    <a:pt x="3185" y="1355"/>
                  </a:cubicBezTo>
                  <a:cubicBezTo>
                    <a:pt x="3111" y="1480"/>
                    <a:pt x="3043" y="1608"/>
                    <a:pt x="2971" y="1733"/>
                  </a:cubicBezTo>
                  <a:cubicBezTo>
                    <a:pt x="3766" y="1376"/>
                    <a:pt x="4562" y="1031"/>
                    <a:pt x="5364" y="688"/>
                  </a:cubicBezTo>
                  <a:close/>
                  <a:moveTo>
                    <a:pt x="511" y="1786"/>
                  </a:moveTo>
                  <a:cubicBezTo>
                    <a:pt x="412" y="1837"/>
                    <a:pt x="312" y="1883"/>
                    <a:pt x="211" y="1933"/>
                  </a:cubicBezTo>
                  <a:cubicBezTo>
                    <a:pt x="162" y="2219"/>
                    <a:pt x="98" y="2500"/>
                    <a:pt x="22" y="2785"/>
                  </a:cubicBezTo>
                  <a:cubicBezTo>
                    <a:pt x="12" y="2828"/>
                    <a:pt x="5" y="2871"/>
                    <a:pt x="1" y="2910"/>
                  </a:cubicBezTo>
                  <a:cubicBezTo>
                    <a:pt x="162" y="2528"/>
                    <a:pt x="333" y="2158"/>
                    <a:pt x="511" y="1786"/>
                  </a:cubicBezTo>
                  <a:close/>
                  <a:moveTo>
                    <a:pt x="11233" y="2397"/>
                  </a:moveTo>
                  <a:lnTo>
                    <a:pt x="11233" y="2397"/>
                  </a:lnTo>
                  <a:cubicBezTo>
                    <a:pt x="10103" y="2543"/>
                    <a:pt x="9034" y="2984"/>
                    <a:pt x="8085" y="3720"/>
                  </a:cubicBezTo>
                  <a:cubicBezTo>
                    <a:pt x="8082" y="3722"/>
                    <a:pt x="8080" y="3724"/>
                    <a:pt x="8078" y="3725"/>
                  </a:cubicBezTo>
                  <a:lnTo>
                    <a:pt x="8078" y="3725"/>
                  </a:lnTo>
                  <a:cubicBezTo>
                    <a:pt x="8929" y="3476"/>
                    <a:pt x="9779" y="3227"/>
                    <a:pt x="10634" y="2978"/>
                  </a:cubicBezTo>
                  <a:cubicBezTo>
                    <a:pt x="11076" y="2846"/>
                    <a:pt x="11244" y="2628"/>
                    <a:pt x="11233" y="2397"/>
                  </a:cubicBezTo>
                  <a:close/>
                  <a:moveTo>
                    <a:pt x="8078" y="3725"/>
                  </a:moveTo>
                  <a:cubicBezTo>
                    <a:pt x="8077" y="3726"/>
                    <a:pt x="8076" y="3726"/>
                    <a:pt x="8074" y="3726"/>
                  </a:cubicBezTo>
                  <a:cubicBezTo>
                    <a:pt x="8076" y="3726"/>
                    <a:pt x="8077" y="3726"/>
                    <a:pt x="8078" y="3725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6" name="Google Shape;2307;p54"/>
            <p:cNvSpPr/>
            <p:nvPr/>
          </p:nvSpPr>
          <p:spPr>
            <a:xfrm>
              <a:off x="2484266" y="3875376"/>
              <a:ext cx="317840" cy="121119"/>
            </a:xfrm>
            <a:custGeom>
              <a:avLst/>
              <a:gdLst/>
              <a:ahLst/>
              <a:cxnLst/>
              <a:rect l="l" t="t" r="r" b="b"/>
              <a:pathLst>
                <a:path w="11305" h="4308" extrusionOk="0">
                  <a:moveTo>
                    <a:pt x="1556" y="0"/>
                  </a:moveTo>
                  <a:cubicBezTo>
                    <a:pt x="1018" y="0"/>
                    <a:pt x="496" y="242"/>
                    <a:pt x="468" y="752"/>
                  </a:cubicBezTo>
                  <a:cubicBezTo>
                    <a:pt x="468" y="756"/>
                    <a:pt x="468" y="763"/>
                    <a:pt x="465" y="767"/>
                  </a:cubicBezTo>
                  <a:cubicBezTo>
                    <a:pt x="707" y="660"/>
                    <a:pt x="953" y="560"/>
                    <a:pt x="1196" y="456"/>
                  </a:cubicBezTo>
                  <a:cubicBezTo>
                    <a:pt x="1438" y="356"/>
                    <a:pt x="1623" y="313"/>
                    <a:pt x="1762" y="313"/>
                  </a:cubicBezTo>
                  <a:cubicBezTo>
                    <a:pt x="2447" y="313"/>
                    <a:pt x="1969" y="1348"/>
                    <a:pt x="1163" y="1679"/>
                  </a:cubicBezTo>
                  <a:cubicBezTo>
                    <a:pt x="885" y="1794"/>
                    <a:pt x="611" y="1914"/>
                    <a:pt x="336" y="2036"/>
                  </a:cubicBezTo>
                  <a:cubicBezTo>
                    <a:pt x="318" y="2143"/>
                    <a:pt x="300" y="2253"/>
                    <a:pt x="282" y="2364"/>
                  </a:cubicBezTo>
                  <a:cubicBezTo>
                    <a:pt x="383" y="2314"/>
                    <a:pt x="483" y="2268"/>
                    <a:pt x="582" y="2217"/>
                  </a:cubicBezTo>
                  <a:lnTo>
                    <a:pt x="582" y="2217"/>
                  </a:lnTo>
                  <a:cubicBezTo>
                    <a:pt x="404" y="2589"/>
                    <a:pt x="233" y="2959"/>
                    <a:pt x="72" y="3341"/>
                  </a:cubicBezTo>
                  <a:cubicBezTo>
                    <a:pt x="1" y="3950"/>
                    <a:pt x="646" y="4307"/>
                    <a:pt x="1245" y="4307"/>
                  </a:cubicBezTo>
                  <a:cubicBezTo>
                    <a:pt x="1413" y="4307"/>
                    <a:pt x="1577" y="4279"/>
                    <a:pt x="1719" y="4218"/>
                  </a:cubicBezTo>
                  <a:cubicBezTo>
                    <a:pt x="3363" y="3540"/>
                    <a:pt x="5032" y="2970"/>
                    <a:pt x="6737" y="2517"/>
                  </a:cubicBezTo>
                  <a:lnTo>
                    <a:pt x="6737" y="2517"/>
                  </a:lnTo>
                  <a:cubicBezTo>
                    <a:pt x="6630" y="2727"/>
                    <a:pt x="6533" y="2949"/>
                    <a:pt x="6444" y="3177"/>
                  </a:cubicBezTo>
                  <a:cubicBezTo>
                    <a:pt x="6156" y="3919"/>
                    <a:pt x="6997" y="4233"/>
                    <a:pt x="7653" y="4233"/>
                  </a:cubicBezTo>
                  <a:cubicBezTo>
                    <a:pt x="7810" y="4233"/>
                    <a:pt x="7953" y="4215"/>
                    <a:pt x="8070" y="4182"/>
                  </a:cubicBezTo>
                  <a:cubicBezTo>
                    <a:pt x="8095" y="4175"/>
                    <a:pt x="8121" y="4169"/>
                    <a:pt x="8145" y="4157"/>
                  </a:cubicBezTo>
                  <a:cubicBezTo>
                    <a:pt x="8149" y="4157"/>
                    <a:pt x="8152" y="4154"/>
                    <a:pt x="8156" y="4151"/>
                  </a:cubicBezTo>
                  <a:cubicBezTo>
                    <a:pt x="9105" y="3415"/>
                    <a:pt x="10174" y="2974"/>
                    <a:pt x="11304" y="2828"/>
                  </a:cubicBezTo>
                  <a:cubicBezTo>
                    <a:pt x="11283" y="2389"/>
                    <a:pt x="10616" y="1908"/>
                    <a:pt x="9964" y="1908"/>
                  </a:cubicBezTo>
                  <a:cubicBezTo>
                    <a:pt x="9871" y="1908"/>
                    <a:pt x="9782" y="1914"/>
                    <a:pt x="9693" y="1936"/>
                  </a:cubicBezTo>
                  <a:cubicBezTo>
                    <a:pt x="9793" y="1822"/>
                    <a:pt x="9900" y="1708"/>
                    <a:pt x="10010" y="1597"/>
                  </a:cubicBezTo>
                  <a:cubicBezTo>
                    <a:pt x="10160" y="1451"/>
                    <a:pt x="10221" y="1305"/>
                    <a:pt x="10221" y="1169"/>
                  </a:cubicBezTo>
                  <a:lnTo>
                    <a:pt x="10221" y="1169"/>
                  </a:lnTo>
                  <a:cubicBezTo>
                    <a:pt x="9946" y="1233"/>
                    <a:pt x="9675" y="1309"/>
                    <a:pt x="9411" y="1394"/>
                  </a:cubicBezTo>
                  <a:cubicBezTo>
                    <a:pt x="9457" y="1284"/>
                    <a:pt x="9507" y="1169"/>
                    <a:pt x="9554" y="1055"/>
                  </a:cubicBezTo>
                  <a:cubicBezTo>
                    <a:pt x="9657" y="813"/>
                    <a:pt x="9607" y="603"/>
                    <a:pt x="9475" y="431"/>
                  </a:cubicBezTo>
                  <a:cubicBezTo>
                    <a:pt x="9293" y="367"/>
                    <a:pt x="9105" y="328"/>
                    <a:pt x="8940" y="328"/>
                  </a:cubicBezTo>
                  <a:cubicBezTo>
                    <a:pt x="8887" y="328"/>
                    <a:pt x="8833" y="331"/>
                    <a:pt x="8787" y="342"/>
                  </a:cubicBezTo>
                  <a:cubicBezTo>
                    <a:pt x="7657" y="556"/>
                    <a:pt x="6541" y="816"/>
                    <a:pt x="5435" y="1119"/>
                  </a:cubicBezTo>
                  <a:cubicBezTo>
                    <a:pt x="4633" y="1462"/>
                    <a:pt x="3837" y="1807"/>
                    <a:pt x="3042" y="2164"/>
                  </a:cubicBezTo>
                  <a:cubicBezTo>
                    <a:pt x="3114" y="2039"/>
                    <a:pt x="3182" y="1911"/>
                    <a:pt x="3256" y="1786"/>
                  </a:cubicBezTo>
                  <a:lnTo>
                    <a:pt x="3256" y="1786"/>
                  </a:lnTo>
                  <a:cubicBezTo>
                    <a:pt x="3050" y="1854"/>
                    <a:pt x="2843" y="1926"/>
                    <a:pt x="2636" y="2000"/>
                  </a:cubicBezTo>
                  <a:cubicBezTo>
                    <a:pt x="2690" y="1629"/>
                    <a:pt x="2729" y="1259"/>
                    <a:pt x="2751" y="877"/>
                  </a:cubicBezTo>
                  <a:cubicBezTo>
                    <a:pt x="2782" y="306"/>
                    <a:pt x="2158" y="0"/>
                    <a:pt x="155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7" name="Google Shape;2308;p54"/>
            <p:cNvSpPr/>
            <p:nvPr/>
          </p:nvSpPr>
          <p:spPr>
            <a:xfrm>
              <a:off x="2493712" y="3884176"/>
              <a:ext cx="59351" cy="48442"/>
            </a:xfrm>
            <a:custGeom>
              <a:avLst/>
              <a:gdLst/>
              <a:ahLst/>
              <a:cxnLst/>
              <a:rect l="l" t="t" r="r" b="b"/>
              <a:pathLst>
                <a:path w="2111" h="1723" extrusionOk="0">
                  <a:moveTo>
                    <a:pt x="1426" y="0"/>
                  </a:moveTo>
                  <a:cubicBezTo>
                    <a:pt x="1287" y="0"/>
                    <a:pt x="1102" y="43"/>
                    <a:pt x="860" y="143"/>
                  </a:cubicBezTo>
                  <a:cubicBezTo>
                    <a:pt x="617" y="247"/>
                    <a:pt x="371" y="347"/>
                    <a:pt x="129" y="454"/>
                  </a:cubicBezTo>
                  <a:cubicBezTo>
                    <a:pt x="104" y="885"/>
                    <a:pt x="65" y="1302"/>
                    <a:pt x="0" y="1723"/>
                  </a:cubicBezTo>
                  <a:cubicBezTo>
                    <a:pt x="275" y="1601"/>
                    <a:pt x="549" y="1481"/>
                    <a:pt x="827" y="1366"/>
                  </a:cubicBezTo>
                  <a:cubicBezTo>
                    <a:pt x="1633" y="1035"/>
                    <a:pt x="2111" y="0"/>
                    <a:pt x="142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  <p:sp>
        <p:nvSpPr>
          <p:cNvPr id="18" name="Google Shape;1050;p35"/>
          <p:cNvSpPr txBox="1">
            <a:spLocks/>
          </p:cNvSpPr>
          <p:nvPr/>
        </p:nvSpPr>
        <p:spPr>
          <a:xfrm>
            <a:off x="762000" y="3027022"/>
            <a:ext cx="4195067" cy="105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Comfortaa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/>
                <a:sym typeface="Comfortaa"/>
              </a:rPr>
              <a:t>Etkinlik yapıyoruz</a:t>
            </a:r>
          </a:p>
        </p:txBody>
      </p:sp>
      <p:sp>
        <p:nvSpPr>
          <p:cNvPr id="19" name="Google Shape;1051;p35"/>
          <p:cNvSpPr/>
          <p:nvPr/>
        </p:nvSpPr>
        <p:spPr>
          <a:xfrm>
            <a:off x="804681" y="4216977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0" name="Google Shape;1052;p35"/>
          <p:cNvSpPr/>
          <p:nvPr/>
        </p:nvSpPr>
        <p:spPr>
          <a:xfrm>
            <a:off x="721554" y="2564572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grpSp>
        <p:nvGrpSpPr>
          <p:cNvPr id="22" name="Grup 21"/>
          <p:cNvGrpSpPr/>
          <p:nvPr/>
        </p:nvGrpSpPr>
        <p:grpSpPr>
          <a:xfrm>
            <a:off x="5410200" y="1466850"/>
            <a:ext cx="5943600" cy="3448050"/>
            <a:chOff x="5410200" y="1466850"/>
            <a:chExt cx="5943600" cy="3448050"/>
          </a:xfrm>
        </p:grpSpPr>
        <p:pic>
          <p:nvPicPr>
            <p:cNvPr id="7" name="Google Shape;2287;p54"/>
            <p:cNvPicPr preferRelativeResize="0"/>
            <p:nvPr/>
          </p:nvPicPr>
          <p:blipFill rotWithShape="1">
            <a:blip r:embed="rId4">
              <a:alphaModFix/>
            </a:blip>
            <a:srcRect l="4395" r="4404"/>
            <a:stretch/>
          </p:blipFill>
          <p:spPr>
            <a:xfrm>
              <a:off x="5410200" y="1466850"/>
              <a:ext cx="5943600" cy="344805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</p:pic>
        <p:sp>
          <p:nvSpPr>
            <p:cNvPr id="21" name="Yuvarlatılmış Dikdörtgen 20">
              <a:hlinkClick r:id="rId5"/>
            </p:cNvPr>
            <p:cNvSpPr/>
            <p:nvPr/>
          </p:nvSpPr>
          <p:spPr>
            <a:xfrm>
              <a:off x="6385809" y="2383436"/>
              <a:ext cx="3972393" cy="1617064"/>
            </a:xfrm>
            <a:prstGeom prst="roundRect">
              <a:avLst>
                <a:gd name="adj" fmla="val 44477"/>
              </a:avLst>
            </a:prstGeom>
            <a:solidFill>
              <a:srgbClr val="F3F3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+mn-ea"/>
                  <a:cs typeface="+mn-cs"/>
                </a:rPr>
                <a:t>Etkinlik için tıklayınız</a:t>
              </a:r>
            </a:p>
          </p:txBody>
        </p:sp>
      </p:grpSp>
      <p:sp>
        <p:nvSpPr>
          <p:cNvPr id="23" name="Dikdörtgen 22"/>
          <p:cNvSpPr/>
          <p:nvPr/>
        </p:nvSpPr>
        <p:spPr>
          <a:xfrm>
            <a:off x="2350731" y="6084516"/>
            <a:ext cx="305731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  <a:hlinkClick r:id="rId6"/>
              </a:rPr>
              <a:t>www.dindersimateryal.com</a:t>
            </a: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</a:rPr>
              <a:t> 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7012553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dörtgen 1"/>
          <p:cNvSpPr/>
          <p:nvPr/>
        </p:nvSpPr>
        <p:spPr>
          <a:xfrm>
            <a:off x="419725" y="2582779"/>
            <a:ext cx="9149390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0">
              <a:defRPr/>
            </a:pPr>
            <a:r>
              <a:rPr lang="tr-TR" sz="2400" dirty="0">
                <a:solidFill>
                  <a:prstClr val="black"/>
                </a:solidFill>
              </a:rPr>
              <a:t>  Fâtiha suresi, Mekke’de yaşadığı dönemde indirilmiştir ve yedi  </a:t>
            </a:r>
          </a:p>
          <a:p>
            <a:pPr lvl="0">
              <a:defRPr/>
            </a:pPr>
            <a:r>
              <a:rPr lang="tr-TR" sz="2400" dirty="0">
                <a:solidFill>
                  <a:prstClr val="black"/>
                </a:solidFill>
              </a:rPr>
              <a:t>  ayettir.</a:t>
            </a:r>
          </a:p>
        </p:txBody>
      </p:sp>
      <p:sp>
        <p:nvSpPr>
          <p:cNvPr id="8" name="Dikdörtgen 7"/>
          <p:cNvSpPr/>
          <p:nvPr/>
        </p:nvSpPr>
        <p:spPr>
          <a:xfrm>
            <a:off x="9528259" y="2579083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9" name="X 1"/>
          <p:cNvSpPr/>
          <p:nvPr/>
        </p:nvSpPr>
        <p:spPr>
          <a:xfrm>
            <a:off x="11113703" y="2570228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10" name="Onay 1"/>
          <p:cNvSpPr/>
          <p:nvPr/>
        </p:nvSpPr>
        <p:spPr>
          <a:xfrm>
            <a:off x="11204242" y="2554194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11" name="D 1"/>
          <p:cNvSpPr/>
          <p:nvPr/>
        </p:nvSpPr>
        <p:spPr>
          <a:xfrm>
            <a:off x="9603062" y="2642105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12" name="Y 1"/>
          <p:cNvSpPr/>
          <p:nvPr/>
        </p:nvSpPr>
        <p:spPr>
          <a:xfrm>
            <a:off x="10496346" y="2642105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13" name="Dikdörtgen 12"/>
          <p:cNvSpPr/>
          <p:nvPr/>
        </p:nvSpPr>
        <p:spPr>
          <a:xfrm>
            <a:off x="434716" y="653775"/>
            <a:ext cx="9307078" cy="75530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  Fatiha suresi 10 ayetten</a:t>
            </a:r>
            <a:r>
              <a:rPr kumimoji="0" lang="tr-TR" sz="2400" b="0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 oluşur. 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28" name="Dikdörtgen 27"/>
          <p:cNvSpPr/>
          <p:nvPr/>
        </p:nvSpPr>
        <p:spPr>
          <a:xfrm>
            <a:off x="9528259" y="651025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29" name="X 4"/>
          <p:cNvSpPr/>
          <p:nvPr/>
        </p:nvSpPr>
        <p:spPr>
          <a:xfrm>
            <a:off x="11137766" y="655002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30" name="Onay 3"/>
          <p:cNvSpPr/>
          <p:nvPr/>
        </p:nvSpPr>
        <p:spPr>
          <a:xfrm>
            <a:off x="11316536" y="584426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31" name="D 3"/>
          <p:cNvSpPr/>
          <p:nvPr/>
        </p:nvSpPr>
        <p:spPr>
          <a:xfrm>
            <a:off x="9603062" y="694795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32" name="Y 3"/>
          <p:cNvSpPr/>
          <p:nvPr/>
        </p:nvSpPr>
        <p:spPr>
          <a:xfrm>
            <a:off x="10496346" y="694795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48" name="Dikdörtgen 47"/>
          <p:cNvSpPr/>
          <p:nvPr/>
        </p:nvSpPr>
        <p:spPr>
          <a:xfrm>
            <a:off x="434715" y="1628273"/>
            <a:ext cx="9118358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0">
              <a:defRPr/>
            </a:pPr>
            <a:r>
              <a:rPr lang="tr-TR" sz="2400" dirty="0">
                <a:solidFill>
                  <a:prstClr val="black"/>
                </a:solidFill>
              </a:rPr>
              <a:t>  Fatiha suresi Kur’an-ı Kerim’in ilk suresidir.</a:t>
            </a:r>
          </a:p>
        </p:txBody>
      </p:sp>
      <p:sp>
        <p:nvSpPr>
          <p:cNvPr id="50" name="Dikdörtgen 49"/>
          <p:cNvSpPr/>
          <p:nvPr/>
        </p:nvSpPr>
        <p:spPr>
          <a:xfrm>
            <a:off x="9528259" y="1624577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1" name="X 1"/>
          <p:cNvSpPr/>
          <p:nvPr/>
        </p:nvSpPr>
        <p:spPr>
          <a:xfrm>
            <a:off x="11097661" y="1615722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2" name="Onay 1"/>
          <p:cNvSpPr/>
          <p:nvPr/>
        </p:nvSpPr>
        <p:spPr>
          <a:xfrm>
            <a:off x="11188200" y="1599688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3" name="D 1"/>
          <p:cNvSpPr/>
          <p:nvPr/>
        </p:nvSpPr>
        <p:spPr>
          <a:xfrm>
            <a:off x="9603062" y="1687599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54" name="Y 1"/>
          <p:cNvSpPr/>
          <p:nvPr/>
        </p:nvSpPr>
        <p:spPr>
          <a:xfrm>
            <a:off x="10496346" y="1687599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69" name="Dikdörtgen 68"/>
          <p:cNvSpPr/>
          <p:nvPr/>
        </p:nvSpPr>
        <p:spPr>
          <a:xfrm>
            <a:off x="359765" y="3505200"/>
            <a:ext cx="9201330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0">
              <a:defRPr/>
            </a:pPr>
            <a:r>
              <a:rPr lang="tr-TR" sz="2400" dirty="0">
                <a:solidFill>
                  <a:prstClr val="black"/>
                </a:solidFill>
              </a:rPr>
              <a:t>  Yüce Kitabımız Fatiha suresiyle başlamaktadır.</a:t>
            </a:r>
          </a:p>
        </p:txBody>
      </p:sp>
      <p:sp>
        <p:nvSpPr>
          <p:cNvPr id="71" name="Dikdörtgen 70"/>
          <p:cNvSpPr/>
          <p:nvPr/>
        </p:nvSpPr>
        <p:spPr>
          <a:xfrm>
            <a:off x="9528259" y="3501504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2" name="X 1"/>
          <p:cNvSpPr/>
          <p:nvPr/>
        </p:nvSpPr>
        <p:spPr>
          <a:xfrm>
            <a:off x="11105682" y="3492649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3" name="Onay 1"/>
          <p:cNvSpPr/>
          <p:nvPr/>
        </p:nvSpPr>
        <p:spPr>
          <a:xfrm>
            <a:off x="11196221" y="3476615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4" name="D 1"/>
          <p:cNvSpPr/>
          <p:nvPr/>
        </p:nvSpPr>
        <p:spPr>
          <a:xfrm>
            <a:off x="9603062" y="3564526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75" name="Y 1"/>
          <p:cNvSpPr/>
          <p:nvPr/>
        </p:nvSpPr>
        <p:spPr>
          <a:xfrm>
            <a:off x="10496346" y="3564526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76" name="Dikdörtgen 75"/>
          <p:cNvSpPr/>
          <p:nvPr/>
        </p:nvSpPr>
        <p:spPr>
          <a:xfrm>
            <a:off x="359764" y="4460365"/>
            <a:ext cx="9349944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0">
              <a:defRPr/>
            </a:pPr>
            <a:r>
              <a:rPr lang="tr-TR" sz="2400" dirty="0">
                <a:solidFill>
                  <a:prstClr val="black"/>
                </a:solidFill>
              </a:rPr>
              <a:t>  Fatiha suresinde Hz. Peygamber’in güzel ahlakından bahsedilir.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78" name="Dikdörtgen 77"/>
          <p:cNvSpPr/>
          <p:nvPr/>
        </p:nvSpPr>
        <p:spPr>
          <a:xfrm>
            <a:off x="9528259" y="4457615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9" name="X 4"/>
          <p:cNvSpPr/>
          <p:nvPr/>
        </p:nvSpPr>
        <p:spPr>
          <a:xfrm>
            <a:off x="11105682" y="4461592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0" name="Onay 3"/>
          <p:cNvSpPr/>
          <p:nvPr/>
        </p:nvSpPr>
        <p:spPr>
          <a:xfrm>
            <a:off x="11204241" y="4374973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1" name="D 3"/>
          <p:cNvSpPr/>
          <p:nvPr/>
        </p:nvSpPr>
        <p:spPr>
          <a:xfrm>
            <a:off x="9603062" y="4501385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82" name="Y 3"/>
          <p:cNvSpPr/>
          <p:nvPr/>
        </p:nvSpPr>
        <p:spPr>
          <a:xfrm>
            <a:off x="10496346" y="4501385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83" name="Dikdörtgen 82"/>
          <p:cNvSpPr/>
          <p:nvPr/>
        </p:nvSpPr>
        <p:spPr>
          <a:xfrm>
            <a:off x="329784" y="5406188"/>
            <a:ext cx="9199225" cy="784749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0">
              <a:defRPr/>
            </a:pPr>
            <a:r>
              <a:rPr lang="tr-TR" sz="2400" dirty="0">
                <a:solidFill>
                  <a:prstClr val="black"/>
                </a:solidFill>
              </a:rPr>
              <a:t>  Fâtiha suresinin, bütün namazların her rekâtında okunması   </a:t>
            </a:r>
          </a:p>
          <a:p>
            <a:pPr lvl="0">
              <a:defRPr/>
            </a:pPr>
            <a:r>
              <a:rPr lang="tr-TR" sz="2400" dirty="0">
                <a:solidFill>
                  <a:prstClr val="black"/>
                </a:solidFill>
              </a:rPr>
              <a:t>  gereklidir.</a:t>
            </a:r>
          </a:p>
        </p:txBody>
      </p:sp>
      <p:sp>
        <p:nvSpPr>
          <p:cNvPr id="84" name="Dikdörtgen 83"/>
          <p:cNvSpPr/>
          <p:nvPr/>
        </p:nvSpPr>
        <p:spPr>
          <a:xfrm>
            <a:off x="126628" y="652203"/>
            <a:ext cx="310585" cy="771862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1</a:t>
            </a:r>
          </a:p>
        </p:txBody>
      </p:sp>
      <p:sp>
        <p:nvSpPr>
          <p:cNvPr id="85" name="Dikdörtgen 84"/>
          <p:cNvSpPr/>
          <p:nvPr/>
        </p:nvSpPr>
        <p:spPr>
          <a:xfrm>
            <a:off x="9528259" y="5402493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6" name="X 1"/>
          <p:cNvSpPr/>
          <p:nvPr/>
        </p:nvSpPr>
        <p:spPr>
          <a:xfrm>
            <a:off x="11073597" y="5393638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7" name="Onay 1"/>
          <p:cNvSpPr/>
          <p:nvPr/>
        </p:nvSpPr>
        <p:spPr>
          <a:xfrm>
            <a:off x="11164136" y="5377604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8" name="D 1"/>
          <p:cNvSpPr/>
          <p:nvPr/>
        </p:nvSpPr>
        <p:spPr>
          <a:xfrm>
            <a:off x="9603062" y="5465515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89" name="Y 1"/>
          <p:cNvSpPr/>
          <p:nvPr/>
        </p:nvSpPr>
        <p:spPr>
          <a:xfrm>
            <a:off x="10496346" y="5465515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91" name="Komut Düğmesi: Geri veya Önceki 90">
            <a:hlinkClick r:id="" action="ppaction://hlinkshowjump?jump=previousslide" highlightClick="1"/>
          </p:cNvPr>
          <p:cNvSpPr/>
          <p:nvPr/>
        </p:nvSpPr>
        <p:spPr>
          <a:xfrm>
            <a:off x="10938709" y="6384758"/>
            <a:ext cx="625642" cy="473242"/>
          </a:xfrm>
          <a:prstGeom prst="actionButtonBackPrevious">
            <a:avLst/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92" name="Komut Düğmesi: İleri veya Sonraki 91">
            <a:hlinkClick r:id="" action="ppaction://hlinkshowjump?jump=nextslide" highlightClick="1"/>
          </p:cNvPr>
          <p:cNvSpPr/>
          <p:nvPr/>
        </p:nvSpPr>
        <p:spPr>
          <a:xfrm>
            <a:off x="11630526" y="6384758"/>
            <a:ext cx="545431" cy="473242"/>
          </a:xfrm>
          <a:prstGeom prst="actionButtonForwardNext">
            <a:avLst/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6" name="Yuvarlatılmış Dikdörtgen 45"/>
          <p:cNvSpPr/>
          <p:nvPr/>
        </p:nvSpPr>
        <p:spPr>
          <a:xfrm>
            <a:off x="8726905" y="0"/>
            <a:ext cx="3465095" cy="545432"/>
          </a:xfrm>
          <a:prstGeom prst="round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Doğru Yanlış Soruları</a:t>
            </a:r>
          </a:p>
        </p:txBody>
      </p:sp>
      <p:sp>
        <p:nvSpPr>
          <p:cNvPr id="47" name="Dikdörtgen 46"/>
          <p:cNvSpPr/>
          <p:nvPr/>
        </p:nvSpPr>
        <p:spPr>
          <a:xfrm>
            <a:off x="141618" y="1637868"/>
            <a:ext cx="308087" cy="760558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2</a:t>
            </a:r>
          </a:p>
        </p:txBody>
      </p:sp>
      <p:sp>
        <p:nvSpPr>
          <p:cNvPr id="55" name="Dikdörtgen 54"/>
          <p:cNvSpPr/>
          <p:nvPr/>
        </p:nvSpPr>
        <p:spPr>
          <a:xfrm>
            <a:off x="126628" y="2573695"/>
            <a:ext cx="308087" cy="754121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3</a:t>
            </a:r>
          </a:p>
        </p:txBody>
      </p:sp>
      <p:sp>
        <p:nvSpPr>
          <p:cNvPr id="56" name="Dikdörtgen 55"/>
          <p:cNvSpPr/>
          <p:nvPr/>
        </p:nvSpPr>
        <p:spPr>
          <a:xfrm>
            <a:off x="126628" y="3514389"/>
            <a:ext cx="310585" cy="771862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4</a:t>
            </a:r>
          </a:p>
        </p:txBody>
      </p:sp>
      <p:sp>
        <p:nvSpPr>
          <p:cNvPr id="57" name="Dikdörtgen 56"/>
          <p:cNvSpPr/>
          <p:nvPr/>
        </p:nvSpPr>
        <p:spPr>
          <a:xfrm>
            <a:off x="126628" y="4470073"/>
            <a:ext cx="293097" cy="757554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5</a:t>
            </a:r>
          </a:p>
        </p:txBody>
      </p:sp>
      <p:sp>
        <p:nvSpPr>
          <p:cNvPr id="58" name="Dikdörtgen 57"/>
          <p:cNvSpPr/>
          <p:nvPr/>
        </p:nvSpPr>
        <p:spPr>
          <a:xfrm>
            <a:off x="126628" y="5381469"/>
            <a:ext cx="278106" cy="809469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6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651251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5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25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3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8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2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25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5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8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3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3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5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2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4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7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85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5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4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7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25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5"/>
                  </p:tgtEl>
                </p:cond>
              </p:nextCondLst>
            </p:seq>
            <p:seq concurrent="1" nextAc="seek">
              <p:cTn id="58" restart="whenNotActive" fill="hold" evtFilter="cancelBubble" nodeType="interactiveSeq">
                <p:stCondLst>
                  <p:cond evt="onClick" delay="0">
                    <p:tgtEl>
                      <p:spTgt spid="8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9" fill="hold">
                      <p:stCondLst>
                        <p:cond delay="0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85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6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2"/>
                  </p:tgtEl>
                </p:cond>
              </p:nextCondLst>
            </p:seq>
            <p:seq concurrent="1" nextAc="seek">
              <p:cTn id="66" restart="whenNotActive" fill="hold" evtFilter="cancelBubble" nodeType="interactiveSeq">
                <p:stCondLst>
                  <p:cond evt="onClick" delay="0">
                    <p:tgtEl>
                      <p:spTgt spid="8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7" fill="hold">
                      <p:stCondLst>
                        <p:cond delay="0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125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1"/>
                  </p:tgtEl>
                </p:cond>
              </p:nextCondLst>
            </p:seq>
            <p:seq concurrent="1" nextAc="seek">
              <p:cTn id="72" restart="whenNotActive" fill="hold" evtFilter="cancelBubble" nodeType="interactiveSeq">
                <p:stCondLst>
                  <p:cond evt="onClick" delay="0">
                    <p:tgtEl>
                      <p:spTgt spid="8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3" fill="hold">
                      <p:stCondLst>
                        <p:cond delay="0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85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7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8"/>
                  </p:tgtEl>
                </p:cond>
              </p:nextCondLst>
            </p:seq>
            <p:seq concurrent="1" nextAc="seek">
              <p:cTn id="80" restart="whenNotActive" fill="hold" evtFilter="cancelBubble" nodeType="interactiveSeq">
                <p:stCondLst>
                  <p:cond evt="onClick" delay="0">
                    <p:tgtEl>
                      <p:spTgt spid="8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1" fill="hold">
                      <p:stCondLst>
                        <p:cond delay="0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125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8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9"/>
                  </p:tgtEl>
                </p:cond>
              </p:nextCondLst>
            </p:seq>
          </p:childTnLst>
        </p:cTn>
      </p:par>
    </p:tnLst>
    <p:bldLst>
      <p:bldP spid="9" grpId="0" animBg="1"/>
      <p:bldP spid="10" grpId="0" animBg="1"/>
      <p:bldP spid="12" grpId="0" animBg="1"/>
      <p:bldP spid="29" grpId="0" animBg="1"/>
      <p:bldP spid="30" grpId="0" animBg="1"/>
      <p:bldP spid="31" grpId="0" animBg="1"/>
      <p:bldP spid="51" grpId="0" animBg="1"/>
      <p:bldP spid="52" grpId="0" animBg="1"/>
      <p:bldP spid="54" grpId="0" animBg="1"/>
      <p:bldP spid="72" grpId="0" animBg="1"/>
      <p:bldP spid="73" grpId="0" animBg="1"/>
      <p:bldP spid="75" grpId="0" animBg="1"/>
      <p:bldP spid="79" grpId="0" animBg="1"/>
      <p:bldP spid="80" grpId="0" animBg="1"/>
      <p:bldP spid="81" grpId="0" animBg="1"/>
      <p:bldP spid="86" grpId="0" animBg="1"/>
      <p:bldP spid="87" grpId="0" animBg="1"/>
      <p:bldP spid="89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BF8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2" y="-21578"/>
            <a:ext cx="12186017" cy="193576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60969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algn="ctr" defTabSz="609690">
                <a:lnSpc>
                  <a:spcPts val="415"/>
                </a:lnSpc>
              </a:pPr>
              <a:endParaRPr sz="1200">
                <a:solidFill>
                  <a:prstClr val="black"/>
                </a:solidFill>
                <a:latin typeface="Calibri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2409292" y="6725978"/>
            <a:ext cx="9776726" cy="149298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60969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algn="ctr" defTabSz="609690">
                <a:lnSpc>
                  <a:spcPts val="415"/>
                </a:lnSpc>
              </a:pPr>
              <a:endParaRPr sz="12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7208876" y="754912"/>
            <a:ext cx="4977143" cy="56126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60969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2318112" y="1543353"/>
            <a:ext cx="3071682" cy="369332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ctr">
            <a:spAutoFit/>
          </a:bodyPr>
          <a:lstStyle/>
          <a:p>
            <a:pPr defTabSz="609690"/>
            <a:r>
              <a:rPr lang="en-US" sz="2400" spc="83" dirty="0">
                <a:solidFill>
                  <a:srgbClr val="4F4C4C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1476312" y="1905371"/>
            <a:ext cx="4470624" cy="37369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609690">
              <a:lnSpc>
                <a:spcPts val="3420"/>
              </a:lnSpc>
            </a:pPr>
            <a:r>
              <a:rPr lang="en-US" sz="16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/>
          <p:cNvSpPr txBox="1"/>
          <p:nvPr/>
        </p:nvSpPr>
        <p:spPr>
          <a:xfrm>
            <a:off x="2450551" y="2655904"/>
            <a:ext cx="4249688" cy="36933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609690"/>
            <a:r>
              <a:rPr lang="en-US" sz="2400" spc="31" dirty="0">
                <a:solidFill>
                  <a:srgbClr val="4F4C4C"/>
                </a:solidFill>
                <a:latin typeface="Calibri"/>
              </a:rPr>
              <a:t>www.dindersimateryal.com</a:t>
            </a:r>
          </a:p>
        </p:txBody>
      </p:sp>
      <p:sp>
        <p:nvSpPr>
          <p:cNvPr id="40" name="Freeform 26">
            <a:hlinkClick r:id="rId5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1446405" y="3445282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609690"/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4" name="Freeform 30">
            <a:hlinkClick r:id="rId6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1446405" y="4464471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60969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6" name="Freeform 32">
            <a:hlinkClick r:id="rId6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1580444" y="4607400"/>
            <a:ext cx="618314" cy="600537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90"/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7" name="Freeform 33">
            <a:hlinkClick r:id="rId5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1564157" y="3563034"/>
            <a:ext cx="650891" cy="650891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defTabSz="609690"/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9" name="TextBox 32">
            <a:hlinkClick r:id="rId5"/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2450551" y="3713424"/>
            <a:ext cx="1856252" cy="36933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609690"/>
            <a:r>
              <a:rPr lang="en-US" sz="2400" spc="31" dirty="0">
                <a:solidFill>
                  <a:srgbClr val="4F4C4C"/>
                </a:solidFill>
                <a:latin typeface="Calibri"/>
              </a:rPr>
              <a:t>mustafayil34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2409292" y="4679496"/>
            <a:ext cx="4249688" cy="36933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609690"/>
            <a:r>
              <a:rPr lang="en-US" sz="2400" spc="31" dirty="0">
                <a:solidFill>
                  <a:srgbClr val="4F4C4C"/>
                </a:solidFill>
                <a:latin typeface="Calibri"/>
              </a:rPr>
              <a:t>t.me/</a:t>
            </a:r>
            <a:r>
              <a:rPr lang="en-US" sz="2400" spc="31" dirty="0" err="1">
                <a:solidFill>
                  <a:srgbClr val="4F4C4C"/>
                </a:solidFill>
                <a:latin typeface="Calibri"/>
              </a:rPr>
              <a:t>Dindersimateryalcom</a:t>
            </a:r>
            <a:endParaRPr lang="en-US" sz="2400" spc="31" dirty="0">
              <a:solidFill>
                <a:srgbClr val="4F4C4C"/>
              </a:solidFill>
              <a:latin typeface="Calibri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6300346"/>
            <a:ext cx="2555318" cy="574931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4492"/>
            <a:endParaRPr lang="tr-TR">
              <a:solidFill>
                <a:prstClr val="white"/>
              </a:solidFill>
              <a:latin typeface="Calibri"/>
            </a:endParaRPr>
          </a:p>
        </p:txBody>
      </p:sp>
      <p:sp>
        <p:nvSpPr>
          <p:cNvPr id="25" name="Freeform 26">
            <a:hlinkClick r:id="rId11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1446405" y="2426093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609690"/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6" name="Freeform 34">
            <a:hlinkClick r:id="rId11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1511470" y="2502976"/>
            <a:ext cx="756262" cy="732629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92"/>
            <a:endParaRPr lang="tr-TR">
              <a:solidFill>
                <a:prstClr val="black"/>
              </a:solidFill>
              <a:latin typeface="Calibri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4" name="Grup 23"/>
          <p:cNvGrpSpPr/>
          <p:nvPr/>
        </p:nvGrpSpPr>
        <p:grpSpPr>
          <a:xfrm>
            <a:off x="4552695" y="3235568"/>
            <a:ext cx="3287628" cy="3154821"/>
            <a:chOff x="4457692" y="3235568"/>
            <a:chExt cx="3287628" cy="3154821"/>
          </a:xfrm>
        </p:grpSpPr>
        <p:sp>
          <p:nvSpPr>
            <p:cNvPr id="279" name="Google Shape;1643;p42"/>
            <p:cNvSpPr/>
            <p:nvPr/>
          </p:nvSpPr>
          <p:spPr>
            <a:xfrm>
              <a:off x="4628272" y="3319975"/>
              <a:ext cx="3117048" cy="2813538"/>
            </a:xfrm>
            <a:custGeom>
              <a:avLst/>
              <a:gdLst/>
              <a:ahLst/>
              <a:cxnLst/>
              <a:rect l="l" t="t" r="r" b="b"/>
              <a:pathLst>
                <a:path w="61059" h="73547" extrusionOk="0">
                  <a:moveTo>
                    <a:pt x="30672" y="1"/>
                  </a:moveTo>
                  <a:cubicBezTo>
                    <a:pt x="27873" y="1"/>
                    <a:pt x="24795" y="11"/>
                    <a:pt x="21409" y="11"/>
                  </a:cubicBezTo>
                  <a:cubicBezTo>
                    <a:pt x="3484" y="11"/>
                    <a:pt x="824" y="423"/>
                    <a:pt x="824" y="9132"/>
                  </a:cubicBezTo>
                  <a:cubicBezTo>
                    <a:pt x="824" y="9955"/>
                    <a:pt x="856" y="10779"/>
                    <a:pt x="856" y="11476"/>
                  </a:cubicBezTo>
                  <a:cubicBezTo>
                    <a:pt x="887" y="11729"/>
                    <a:pt x="887" y="12014"/>
                    <a:pt x="887" y="12331"/>
                  </a:cubicBezTo>
                  <a:cubicBezTo>
                    <a:pt x="887" y="17208"/>
                    <a:pt x="0" y="41688"/>
                    <a:pt x="0" y="50618"/>
                  </a:cubicBezTo>
                  <a:cubicBezTo>
                    <a:pt x="0" y="73515"/>
                    <a:pt x="2249" y="73547"/>
                    <a:pt x="32778" y="73547"/>
                  </a:cubicBezTo>
                  <a:cubicBezTo>
                    <a:pt x="61058" y="73547"/>
                    <a:pt x="58588" y="59391"/>
                    <a:pt x="58588" y="27943"/>
                  </a:cubicBezTo>
                  <a:cubicBezTo>
                    <a:pt x="58588" y="1163"/>
                    <a:pt x="60120" y="1"/>
                    <a:pt x="30672" y="1"/>
                  </a:cubicBezTo>
                  <a:close/>
                </a:path>
              </a:pathLst>
            </a:custGeom>
            <a:solidFill>
              <a:srgbClr val="96C4DA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80" name="Google Shape;1644;p42"/>
            <p:cNvSpPr/>
            <p:nvPr/>
          </p:nvSpPr>
          <p:spPr>
            <a:xfrm>
              <a:off x="4609380" y="3383146"/>
              <a:ext cx="3092518" cy="2885201"/>
            </a:xfrm>
            <a:custGeom>
              <a:avLst/>
              <a:gdLst/>
              <a:ahLst/>
              <a:cxnLst/>
              <a:rect l="l" t="t" r="r" b="b"/>
              <a:pathLst>
                <a:path w="58241" h="70908" extrusionOk="0">
                  <a:moveTo>
                    <a:pt x="52445" y="1"/>
                  </a:moveTo>
                  <a:cubicBezTo>
                    <a:pt x="54060" y="4086"/>
                    <a:pt x="53838" y="10705"/>
                    <a:pt x="53838" y="21504"/>
                  </a:cubicBezTo>
                  <a:cubicBezTo>
                    <a:pt x="53838" y="52951"/>
                    <a:pt x="56308" y="67107"/>
                    <a:pt x="28028" y="67107"/>
                  </a:cubicBezTo>
                  <a:cubicBezTo>
                    <a:pt x="12542" y="67107"/>
                    <a:pt x="4339" y="67107"/>
                    <a:pt x="1" y="64130"/>
                  </a:cubicBezTo>
                  <a:lnTo>
                    <a:pt x="1" y="64130"/>
                  </a:lnTo>
                  <a:cubicBezTo>
                    <a:pt x="2946" y="70876"/>
                    <a:pt x="10736" y="70908"/>
                    <a:pt x="31068" y="70908"/>
                  </a:cubicBezTo>
                  <a:cubicBezTo>
                    <a:pt x="41772" y="70908"/>
                    <a:pt x="48486" y="70084"/>
                    <a:pt x="52160" y="65872"/>
                  </a:cubicBezTo>
                  <a:cubicBezTo>
                    <a:pt x="58240" y="58937"/>
                    <a:pt x="56878" y="44844"/>
                    <a:pt x="56878" y="25273"/>
                  </a:cubicBezTo>
                  <a:cubicBezTo>
                    <a:pt x="56878" y="10135"/>
                    <a:pt x="57353" y="3168"/>
                    <a:pt x="52445" y="1"/>
                  </a:cubicBezTo>
                  <a:close/>
                </a:path>
              </a:pathLst>
            </a:custGeom>
            <a:solidFill>
              <a:srgbClr val="85B6C9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81" name="Google Shape;1645;p42"/>
            <p:cNvSpPr/>
            <p:nvPr/>
          </p:nvSpPr>
          <p:spPr>
            <a:xfrm>
              <a:off x="4457692" y="3235568"/>
              <a:ext cx="3209201" cy="3021685"/>
            </a:xfrm>
            <a:custGeom>
              <a:avLst/>
              <a:gdLst/>
              <a:ahLst/>
              <a:cxnLst/>
              <a:rect l="l" t="t" r="r" b="b"/>
              <a:pathLst>
                <a:path w="61249" h="75911" extrusionOk="0">
                  <a:moveTo>
                    <a:pt x="38879" y="2829"/>
                  </a:moveTo>
                  <a:cubicBezTo>
                    <a:pt x="41839" y="2829"/>
                    <a:pt x="44781" y="2914"/>
                    <a:pt x="47695" y="3167"/>
                  </a:cubicBezTo>
                  <a:cubicBezTo>
                    <a:pt x="49848" y="3389"/>
                    <a:pt x="51970" y="3737"/>
                    <a:pt x="53838" y="4497"/>
                  </a:cubicBezTo>
                  <a:cubicBezTo>
                    <a:pt x="54757" y="4877"/>
                    <a:pt x="55580" y="5384"/>
                    <a:pt x="56245" y="6049"/>
                  </a:cubicBezTo>
                  <a:cubicBezTo>
                    <a:pt x="56910" y="6714"/>
                    <a:pt x="57385" y="7537"/>
                    <a:pt x="57765" y="8456"/>
                  </a:cubicBezTo>
                  <a:cubicBezTo>
                    <a:pt x="58494" y="10324"/>
                    <a:pt x="58747" y="12509"/>
                    <a:pt x="58937" y="14695"/>
                  </a:cubicBezTo>
                  <a:cubicBezTo>
                    <a:pt x="59095" y="16848"/>
                    <a:pt x="59127" y="19065"/>
                    <a:pt x="59159" y="21313"/>
                  </a:cubicBezTo>
                  <a:cubicBezTo>
                    <a:pt x="59190" y="25747"/>
                    <a:pt x="59190" y="45223"/>
                    <a:pt x="59285" y="49689"/>
                  </a:cubicBezTo>
                  <a:lnTo>
                    <a:pt x="59349" y="56371"/>
                  </a:lnTo>
                  <a:cubicBezTo>
                    <a:pt x="59317" y="58619"/>
                    <a:pt x="59349" y="60836"/>
                    <a:pt x="59190" y="63021"/>
                  </a:cubicBezTo>
                  <a:cubicBezTo>
                    <a:pt x="59159" y="63560"/>
                    <a:pt x="59095" y="64130"/>
                    <a:pt x="59032" y="64668"/>
                  </a:cubicBezTo>
                  <a:cubicBezTo>
                    <a:pt x="58969" y="65207"/>
                    <a:pt x="58905" y="65745"/>
                    <a:pt x="58810" y="66252"/>
                  </a:cubicBezTo>
                  <a:cubicBezTo>
                    <a:pt x="58620" y="67297"/>
                    <a:pt x="58367" y="68342"/>
                    <a:pt x="57955" y="69260"/>
                  </a:cubicBezTo>
                  <a:cubicBezTo>
                    <a:pt x="57575" y="70179"/>
                    <a:pt x="57037" y="70939"/>
                    <a:pt x="56340" y="71540"/>
                  </a:cubicBezTo>
                  <a:cubicBezTo>
                    <a:pt x="55992" y="71857"/>
                    <a:pt x="55580" y="72079"/>
                    <a:pt x="55168" y="72300"/>
                  </a:cubicBezTo>
                  <a:cubicBezTo>
                    <a:pt x="54947" y="72395"/>
                    <a:pt x="54725" y="72522"/>
                    <a:pt x="54503" y="72617"/>
                  </a:cubicBezTo>
                  <a:lnTo>
                    <a:pt x="53807" y="72839"/>
                  </a:lnTo>
                  <a:cubicBezTo>
                    <a:pt x="53553" y="72934"/>
                    <a:pt x="53300" y="72965"/>
                    <a:pt x="53047" y="73060"/>
                  </a:cubicBezTo>
                  <a:cubicBezTo>
                    <a:pt x="52793" y="73124"/>
                    <a:pt x="52572" y="73187"/>
                    <a:pt x="52287" y="73219"/>
                  </a:cubicBezTo>
                  <a:lnTo>
                    <a:pt x="51526" y="73409"/>
                  </a:lnTo>
                  <a:lnTo>
                    <a:pt x="50735" y="73567"/>
                  </a:lnTo>
                  <a:cubicBezTo>
                    <a:pt x="49658" y="73757"/>
                    <a:pt x="48581" y="73820"/>
                    <a:pt x="47473" y="73915"/>
                  </a:cubicBezTo>
                  <a:cubicBezTo>
                    <a:pt x="46364" y="73979"/>
                    <a:pt x="45288" y="74042"/>
                    <a:pt x="44179" y="74074"/>
                  </a:cubicBezTo>
                  <a:cubicBezTo>
                    <a:pt x="43071" y="74105"/>
                    <a:pt x="41931" y="74137"/>
                    <a:pt x="40822" y="74200"/>
                  </a:cubicBezTo>
                  <a:cubicBezTo>
                    <a:pt x="39714" y="74264"/>
                    <a:pt x="38605" y="74295"/>
                    <a:pt x="37497" y="74295"/>
                  </a:cubicBezTo>
                  <a:lnTo>
                    <a:pt x="34140" y="74327"/>
                  </a:lnTo>
                  <a:cubicBezTo>
                    <a:pt x="31923" y="74359"/>
                    <a:pt x="29675" y="74390"/>
                    <a:pt x="27458" y="74390"/>
                  </a:cubicBezTo>
                  <a:cubicBezTo>
                    <a:pt x="22993" y="74327"/>
                    <a:pt x="18527" y="74422"/>
                    <a:pt x="14189" y="73630"/>
                  </a:cubicBezTo>
                  <a:cubicBezTo>
                    <a:pt x="13112" y="73440"/>
                    <a:pt x="12035" y="73219"/>
                    <a:pt x="10990" y="72934"/>
                  </a:cubicBezTo>
                  <a:cubicBezTo>
                    <a:pt x="9977" y="72649"/>
                    <a:pt x="8995" y="72237"/>
                    <a:pt x="8140" y="71699"/>
                  </a:cubicBezTo>
                  <a:cubicBezTo>
                    <a:pt x="7728" y="71445"/>
                    <a:pt x="7316" y="71129"/>
                    <a:pt x="7031" y="70749"/>
                  </a:cubicBezTo>
                  <a:cubicBezTo>
                    <a:pt x="6841" y="70590"/>
                    <a:pt x="6651" y="70464"/>
                    <a:pt x="6493" y="70305"/>
                  </a:cubicBezTo>
                  <a:cubicBezTo>
                    <a:pt x="6335" y="70147"/>
                    <a:pt x="6145" y="69989"/>
                    <a:pt x="6018" y="69830"/>
                  </a:cubicBezTo>
                  <a:cubicBezTo>
                    <a:pt x="5385" y="69133"/>
                    <a:pt x="4910" y="68310"/>
                    <a:pt x="4561" y="67392"/>
                  </a:cubicBezTo>
                  <a:cubicBezTo>
                    <a:pt x="4213" y="66473"/>
                    <a:pt x="3960" y="65492"/>
                    <a:pt x="3770" y="64446"/>
                  </a:cubicBezTo>
                  <a:cubicBezTo>
                    <a:pt x="3580" y="63433"/>
                    <a:pt x="3484" y="62356"/>
                    <a:pt x="3389" y="61280"/>
                  </a:cubicBezTo>
                  <a:cubicBezTo>
                    <a:pt x="3199" y="59126"/>
                    <a:pt x="3168" y="56909"/>
                    <a:pt x="3168" y="54724"/>
                  </a:cubicBezTo>
                  <a:cubicBezTo>
                    <a:pt x="3104" y="50290"/>
                    <a:pt x="3263" y="30877"/>
                    <a:pt x="3484" y="26412"/>
                  </a:cubicBezTo>
                  <a:lnTo>
                    <a:pt x="3865" y="19730"/>
                  </a:lnTo>
                  <a:cubicBezTo>
                    <a:pt x="3896" y="18622"/>
                    <a:pt x="3896" y="17513"/>
                    <a:pt x="3896" y="16373"/>
                  </a:cubicBezTo>
                  <a:cubicBezTo>
                    <a:pt x="3865" y="15233"/>
                    <a:pt x="3833" y="14093"/>
                    <a:pt x="3770" y="12921"/>
                  </a:cubicBezTo>
                  <a:lnTo>
                    <a:pt x="4055" y="12921"/>
                  </a:lnTo>
                  <a:cubicBezTo>
                    <a:pt x="3991" y="10736"/>
                    <a:pt x="3896" y="8488"/>
                    <a:pt x="4371" y="6746"/>
                  </a:cubicBezTo>
                  <a:cubicBezTo>
                    <a:pt x="4593" y="5859"/>
                    <a:pt x="4973" y="5257"/>
                    <a:pt x="5575" y="4782"/>
                  </a:cubicBezTo>
                  <a:cubicBezTo>
                    <a:pt x="6176" y="4339"/>
                    <a:pt x="7063" y="4022"/>
                    <a:pt x="8045" y="3769"/>
                  </a:cubicBezTo>
                  <a:cubicBezTo>
                    <a:pt x="10008" y="3325"/>
                    <a:pt x="12225" y="3230"/>
                    <a:pt x="14410" y="3104"/>
                  </a:cubicBezTo>
                  <a:cubicBezTo>
                    <a:pt x="16595" y="3040"/>
                    <a:pt x="18812" y="3009"/>
                    <a:pt x="21029" y="3009"/>
                  </a:cubicBezTo>
                  <a:lnTo>
                    <a:pt x="27743" y="2945"/>
                  </a:lnTo>
                  <a:cubicBezTo>
                    <a:pt x="29960" y="2945"/>
                    <a:pt x="32208" y="2945"/>
                    <a:pt x="34425" y="2882"/>
                  </a:cubicBezTo>
                  <a:cubicBezTo>
                    <a:pt x="35914" y="2850"/>
                    <a:pt x="37399" y="2829"/>
                    <a:pt x="38879" y="2829"/>
                  </a:cubicBezTo>
                  <a:close/>
                  <a:moveTo>
                    <a:pt x="21029" y="0"/>
                  </a:moveTo>
                  <a:cubicBezTo>
                    <a:pt x="18812" y="0"/>
                    <a:pt x="16564" y="0"/>
                    <a:pt x="14284" y="64"/>
                  </a:cubicBezTo>
                  <a:cubicBezTo>
                    <a:pt x="13175" y="95"/>
                    <a:pt x="12035" y="159"/>
                    <a:pt x="10863" y="254"/>
                  </a:cubicBezTo>
                  <a:cubicBezTo>
                    <a:pt x="9723" y="349"/>
                    <a:pt x="8552" y="475"/>
                    <a:pt x="7348" y="760"/>
                  </a:cubicBezTo>
                  <a:cubicBezTo>
                    <a:pt x="6145" y="1014"/>
                    <a:pt x="4878" y="1425"/>
                    <a:pt x="3706" y="2312"/>
                  </a:cubicBezTo>
                  <a:cubicBezTo>
                    <a:pt x="3104" y="2755"/>
                    <a:pt x="2566" y="3325"/>
                    <a:pt x="2186" y="3959"/>
                  </a:cubicBezTo>
                  <a:cubicBezTo>
                    <a:pt x="1774" y="4561"/>
                    <a:pt x="1521" y="5257"/>
                    <a:pt x="1331" y="5891"/>
                  </a:cubicBezTo>
                  <a:cubicBezTo>
                    <a:pt x="983" y="7189"/>
                    <a:pt x="919" y="8393"/>
                    <a:pt x="856" y="9564"/>
                  </a:cubicBezTo>
                  <a:cubicBezTo>
                    <a:pt x="824" y="10768"/>
                    <a:pt x="888" y="11876"/>
                    <a:pt x="888" y="13016"/>
                  </a:cubicBezTo>
                  <a:lnTo>
                    <a:pt x="1204" y="12985"/>
                  </a:lnTo>
                  <a:lnTo>
                    <a:pt x="1204" y="12985"/>
                  </a:lnTo>
                  <a:cubicBezTo>
                    <a:pt x="1141" y="15138"/>
                    <a:pt x="824" y="17355"/>
                    <a:pt x="698" y="19572"/>
                  </a:cubicBezTo>
                  <a:lnTo>
                    <a:pt x="349" y="26254"/>
                  </a:lnTo>
                  <a:cubicBezTo>
                    <a:pt x="128" y="30719"/>
                    <a:pt x="1" y="50259"/>
                    <a:pt x="96" y="54756"/>
                  </a:cubicBezTo>
                  <a:cubicBezTo>
                    <a:pt x="128" y="57004"/>
                    <a:pt x="191" y="59253"/>
                    <a:pt x="381" y="61533"/>
                  </a:cubicBezTo>
                  <a:cubicBezTo>
                    <a:pt x="508" y="62673"/>
                    <a:pt x="634" y="63845"/>
                    <a:pt x="856" y="65016"/>
                  </a:cubicBezTo>
                  <a:cubicBezTo>
                    <a:pt x="1078" y="66157"/>
                    <a:pt x="1394" y="67328"/>
                    <a:pt x="1869" y="68500"/>
                  </a:cubicBezTo>
                  <a:cubicBezTo>
                    <a:pt x="2091" y="69070"/>
                    <a:pt x="2376" y="69640"/>
                    <a:pt x="2693" y="70210"/>
                  </a:cubicBezTo>
                  <a:lnTo>
                    <a:pt x="3263" y="71002"/>
                  </a:lnTo>
                  <a:cubicBezTo>
                    <a:pt x="3453" y="71287"/>
                    <a:pt x="3675" y="71509"/>
                    <a:pt x="3865" y="71762"/>
                  </a:cubicBezTo>
                  <a:cubicBezTo>
                    <a:pt x="4086" y="72015"/>
                    <a:pt x="4340" y="72205"/>
                    <a:pt x="4593" y="72459"/>
                  </a:cubicBezTo>
                  <a:cubicBezTo>
                    <a:pt x="4815" y="72680"/>
                    <a:pt x="5068" y="72870"/>
                    <a:pt x="5353" y="73060"/>
                  </a:cubicBezTo>
                  <a:cubicBezTo>
                    <a:pt x="5480" y="73155"/>
                    <a:pt x="5638" y="73219"/>
                    <a:pt x="5796" y="73282"/>
                  </a:cubicBezTo>
                  <a:cubicBezTo>
                    <a:pt x="5955" y="73314"/>
                    <a:pt x="6081" y="73377"/>
                    <a:pt x="6240" y="73440"/>
                  </a:cubicBezTo>
                  <a:cubicBezTo>
                    <a:pt x="6525" y="73567"/>
                    <a:pt x="6810" y="73725"/>
                    <a:pt x="7095" y="73820"/>
                  </a:cubicBezTo>
                  <a:cubicBezTo>
                    <a:pt x="9438" y="74676"/>
                    <a:pt x="11687" y="75056"/>
                    <a:pt x="13967" y="75246"/>
                  </a:cubicBezTo>
                  <a:cubicBezTo>
                    <a:pt x="14537" y="75277"/>
                    <a:pt x="15107" y="75309"/>
                    <a:pt x="15677" y="75341"/>
                  </a:cubicBezTo>
                  <a:cubicBezTo>
                    <a:pt x="16247" y="75372"/>
                    <a:pt x="16786" y="75372"/>
                    <a:pt x="17356" y="75404"/>
                  </a:cubicBezTo>
                  <a:lnTo>
                    <a:pt x="19034" y="75436"/>
                  </a:lnTo>
                  <a:lnTo>
                    <a:pt x="20744" y="75499"/>
                  </a:lnTo>
                  <a:cubicBezTo>
                    <a:pt x="22961" y="75594"/>
                    <a:pt x="25209" y="75626"/>
                    <a:pt x="27426" y="75657"/>
                  </a:cubicBezTo>
                  <a:lnTo>
                    <a:pt x="34140" y="75721"/>
                  </a:lnTo>
                  <a:lnTo>
                    <a:pt x="37497" y="75784"/>
                  </a:lnTo>
                  <a:cubicBezTo>
                    <a:pt x="38605" y="75784"/>
                    <a:pt x="39714" y="75784"/>
                    <a:pt x="40854" y="75879"/>
                  </a:cubicBezTo>
                  <a:cubicBezTo>
                    <a:pt x="41962" y="75911"/>
                    <a:pt x="43071" y="75911"/>
                    <a:pt x="44211" y="75911"/>
                  </a:cubicBezTo>
                  <a:cubicBezTo>
                    <a:pt x="45319" y="75911"/>
                    <a:pt x="46459" y="75911"/>
                    <a:pt x="47600" y="75879"/>
                  </a:cubicBezTo>
                  <a:cubicBezTo>
                    <a:pt x="48708" y="75816"/>
                    <a:pt x="49848" y="75752"/>
                    <a:pt x="50988" y="75657"/>
                  </a:cubicBezTo>
                  <a:cubicBezTo>
                    <a:pt x="52160" y="75594"/>
                    <a:pt x="53332" y="75404"/>
                    <a:pt x="54503" y="75024"/>
                  </a:cubicBezTo>
                  <a:cubicBezTo>
                    <a:pt x="55643" y="74676"/>
                    <a:pt x="56815" y="74105"/>
                    <a:pt x="57797" y="73219"/>
                  </a:cubicBezTo>
                  <a:cubicBezTo>
                    <a:pt x="58779" y="72332"/>
                    <a:pt x="59475" y="71192"/>
                    <a:pt x="59919" y="70020"/>
                  </a:cubicBezTo>
                  <a:cubicBezTo>
                    <a:pt x="60362" y="68880"/>
                    <a:pt x="60584" y="67708"/>
                    <a:pt x="60742" y="66568"/>
                  </a:cubicBezTo>
                  <a:cubicBezTo>
                    <a:pt x="60806" y="65967"/>
                    <a:pt x="60869" y="65397"/>
                    <a:pt x="60901" y="64826"/>
                  </a:cubicBezTo>
                  <a:cubicBezTo>
                    <a:pt x="60964" y="64256"/>
                    <a:pt x="60964" y="63686"/>
                    <a:pt x="60996" y="63116"/>
                  </a:cubicBezTo>
                  <a:cubicBezTo>
                    <a:pt x="61217" y="58619"/>
                    <a:pt x="61154" y="54154"/>
                    <a:pt x="61154" y="49689"/>
                  </a:cubicBezTo>
                  <a:cubicBezTo>
                    <a:pt x="61154" y="45223"/>
                    <a:pt x="61217" y="25779"/>
                    <a:pt x="61249" y="21282"/>
                  </a:cubicBezTo>
                  <a:cubicBezTo>
                    <a:pt x="61249" y="19065"/>
                    <a:pt x="61249" y="16816"/>
                    <a:pt x="61122" y="14536"/>
                  </a:cubicBezTo>
                  <a:cubicBezTo>
                    <a:pt x="60996" y="12256"/>
                    <a:pt x="60806" y="9944"/>
                    <a:pt x="59950" y="7632"/>
                  </a:cubicBezTo>
                  <a:cubicBezTo>
                    <a:pt x="59475" y="6461"/>
                    <a:pt x="58874" y="5321"/>
                    <a:pt x="57955" y="4402"/>
                  </a:cubicBezTo>
                  <a:cubicBezTo>
                    <a:pt x="57037" y="3452"/>
                    <a:pt x="55928" y="2787"/>
                    <a:pt x="54820" y="2249"/>
                  </a:cubicBezTo>
                  <a:cubicBezTo>
                    <a:pt x="52540" y="1330"/>
                    <a:pt x="50228" y="950"/>
                    <a:pt x="47948" y="697"/>
                  </a:cubicBezTo>
                  <a:cubicBezTo>
                    <a:pt x="43388" y="222"/>
                    <a:pt x="38922" y="254"/>
                    <a:pt x="34457" y="64"/>
                  </a:cubicBezTo>
                  <a:cubicBezTo>
                    <a:pt x="32208" y="0"/>
                    <a:pt x="29960" y="0"/>
                    <a:pt x="27743" y="0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82" name="Google Shape;1646;p42"/>
            <p:cNvSpPr/>
            <p:nvPr/>
          </p:nvSpPr>
          <p:spPr>
            <a:xfrm>
              <a:off x="4772166" y="5607914"/>
              <a:ext cx="792510" cy="782475"/>
            </a:xfrm>
            <a:custGeom>
              <a:avLst/>
              <a:gdLst/>
              <a:ahLst/>
              <a:cxnLst/>
              <a:rect l="l" t="t" r="r" b="b"/>
              <a:pathLst>
                <a:path w="24703" h="24386" extrusionOk="0">
                  <a:moveTo>
                    <a:pt x="11813" y="1"/>
                  </a:moveTo>
                  <a:cubicBezTo>
                    <a:pt x="7411" y="1"/>
                    <a:pt x="3072" y="2154"/>
                    <a:pt x="887" y="7095"/>
                  </a:cubicBezTo>
                  <a:cubicBezTo>
                    <a:pt x="475" y="8045"/>
                    <a:pt x="190" y="9090"/>
                    <a:pt x="127" y="10135"/>
                  </a:cubicBezTo>
                  <a:cubicBezTo>
                    <a:pt x="64" y="10863"/>
                    <a:pt x="0" y="11655"/>
                    <a:pt x="0" y="12383"/>
                  </a:cubicBezTo>
                  <a:cubicBezTo>
                    <a:pt x="0" y="19952"/>
                    <a:pt x="6144" y="24386"/>
                    <a:pt x="12510" y="24386"/>
                  </a:cubicBezTo>
                  <a:cubicBezTo>
                    <a:pt x="19762" y="24386"/>
                    <a:pt x="24702" y="18907"/>
                    <a:pt x="24702" y="11940"/>
                  </a:cubicBezTo>
                  <a:cubicBezTo>
                    <a:pt x="24702" y="4593"/>
                    <a:pt x="18210" y="1"/>
                    <a:pt x="11813" y="1"/>
                  </a:cubicBezTo>
                  <a:close/>
                </a:path>
              </a:pathLst>
            </a:custGeom>
            <a:solidFill>
              <a:srgbClr val="FFFEFD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r>
                <a:rPr kumimoji="0" lang="en" sz="3000" b="0" i="0" u="none" strike="noStrike" kern="120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Fira Sans"/>
                  <a:ea typeface="Fira Sans"/>
                  <a:cs typeface="Fira Sans"/>
                  <a:sym typeface="Fira Sans"/>
                </a:rPr>
                <a:t>2</a:t>
              </a:r>
              <a:endParaRPr kumimoji="0" sz="30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Fira Sans"/>
                <a:ea typeface="Fira Sans"/>
                <a:cs typeface="Fira Sans"/>
                <a:sym typeface="Fira Sans"/>
              </a:endParaRPr>
            </a:p>
          </p:txBody>
        </p:sp>
        <p:sp>
          <p:nvSpPr>
            <p:cNvPr id="283" name="Google Shape;1647;p42"/>
            <p:cNvSpPr/>
            <p:nvPr/>
          </p:nvSpPr>
          <p:spPr>
            <a:xfrm>
              <a:off x="4836912" y="5694291"/>
              <a:ext cx="722379" cy="696096"/>
            </a:xfrm>
            <a:custGeom>
              <a:avLst/>
              <a:gdLst/>
              <a:ahLst/>
              <a:cxnLst/>
              <a:rect l="l" t="t" r="r" b="b"/>
              <a:pathLst>
                <a:path w="22517" h="21694" extrusionOk="0">
                  <a:moveTo>
                    <a:pt x="17798" y="1"/>
                  </a:moveTo>
                  <a:lnTo>
                    <a:pt x="17798" y="1"/>
                  </a:lnTo>
                  <a:cubicBezTo>
                    <a:pt x="19160" y="1838"/>
                    <a:pt x="19983" y="4118"/>
                    <a:pt x="19983" y="6746"/>
                  </a:cubicBezTo>
                  <a:cubicBezTo>
                    <a:pt x="19983" y="13713"/>
                    <a:pt x="15043" y="19192"/>
                    <a:pt x="7791" y="19192"/>
                  </a:cubicBezTo>
                  <a:cubicBezTo>
                    <a:pt x="4972" y="19192"/>
                    <a:pt x="2217" y="18337"/>
                    <a:pt x="0" y="16690"/>
                  </a:cubicBezTo>
                  <a:lnTo>
                    <a:pt x="0" y="16690"/>
                  </a:lnTo>
                  <a:cubicBezTo>
                    <a:pt x="2344" y="19920"/>
                    <a:pt x="6271" y="21694"/>
                    <a:pt x="10293" y="21694"/>
                  </a:cubicBezTo>
                  <a:cubicBezTo>
                    <a:pt x="17545" y="21694"/>
                    <a:pt x="22517" y="16215"/>
                    <a:pt x="22517" y="9248"/>
                  </a:cubicBezTo>
                  <a:cubicBezTo>
                    <a:pt x="22485" y="5258"/>
                    <a:pt x="20585" y="2091"/>
                    <a:pt x="17798" y="1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84" name="Google Shape;1648;p42"/>
            <p:cNvSpPr/>
            <p:nvPr/>
          </p:nvSpPr>
          <p:spPr>
            <a:xfrm>
              <a:off x="4733324" y="5559237"/>
              <a:ext cx="825008" cy="824991"/>
            </a:xfrm>
            <a:custGeom>
              <a:avLst/>
              <a:gdLst/>
              <a:ahLst/>
              <a:cxnLst/>
              <a:rect l="l" t="t" r="r" b="b"/>
              <a:pathLst>
                <a:path w="25716" h="25711" extrusionOk="0">
                  <a:moveTo>
                    <a:pt x="12483" y="1793"/>
                  </a:moveTo>
                  <a:cubicBezTo>
                    <a:pt x="13255" y="1793"/>
                    <a:pt x="14030" y="1866"/>
                    <a:pt x="14790" y="2012"/>
                  </a:cubicBezTo>
                  <a:lnTo>
                    <a:pt x="15898" y="2265"/>
                  </a:lnTo>
                  <a:cubicBezTo>
                    <a:pt x="16247" y="2392"/>
                    <a:pt x="16627" y="2487"/>
                    <a:pt x="16975" y="2614"/>
                  </a:cubicBezTo>
                  <a:cubicBezTo>
                    <a:pt x="17323" y="2740"/>
                    <a:pt x="17672" y="2899"/>
                    <a:pt x="18020" y="3025"/>
                  </a:cubicBezTo>
                  <a:cubicBezTo>
                    <a:pt x="18368" y="3184"/>
                    <a:pt x="18717" y="3310"/>
                    <a:pt x="19065" y="3500"/>
                  </a:cubicBezTo>
                  <a:cubicBezTo>
                    <a:pt x="20395" y="4229"/>
                    <a:pt x="21567" y="5210"/>
                    <a:pt x="22549" y="6382"/>
                  </a:cubicBezTo>
                  <a:cubicBezTo>
                    <a:pt x="22802" y="6667"/>
                    <a:pt x="23119" y="6921"/>
                    <a:pt x="23340" y="7237"/>
                  </a:cubicBezTo>
                  <a:cubicBezTo>
                    <a:pt x="23594" y="7522"/>
                    <a:pt x="23847" y="7839"/>
                    <a:pt x="24005" y="8187"/>
                  </a:cubicBezTo>
                  <a:cubicBezTo>
                    <a:pt x="24164" y="8536"/>
                    <a:pt x="24354" y="8884"/>
                    <a:pt x="24480" y="9264"/>
                  </a:cubicBezTo>
                  <a:cubicBezTo>
                    <a:pt x="24607" y="9644"/>
                    <a:pt x="24734" y="9992"/>
                    <a:pt x="24829" y="10372"/>
                  </a:cubicBezTo>
                  <a:lnTo>
                    <a:pt x="25051" y="11544"/>
                  </a:lnTo>
                  <a:cubicBezTo>
                    <a:pt x="25082" y="11924"/>
                    <a:pt x="25114" y="12336"/>
                    <a:pt x="25146" y="12716"/>
                  </a:cubicBezTo>
                  <a:cubicBezTo>
                    <a:pt x="25146" y="13128"/>
                    <a:pt x="25082" y="13508"/>
                    <a:pt x="25082" y="13919"/>
                  </a:cubicBezTo>
                  <a:cubicBezTo>
                    <a:pt x="25051" y="14299"/>
                    <a:pt x="24956" y="14679"/>
                    <a:pt x="24924" y="15091"/>
                  </a:cubicBezTo>
                  <a:cubicBezTo>
                    <a:pt x="24639" y="16643"/>
                    <a:pt x="24100" y="18131"/>
                    <a:pt x="23277" y="19493"/>
                  </a:cubicBezTo>
                  <a:cubicBezTo>
                    <a:pt x="22454" y="20823"/>
                    <a:pt x="21377" y="21995"/>
                    <a:pt x="20078" y="22882"/>
                  </a:cubicBezTo>
                  <a:cubicBezTo>
                    <a:pt x="18780" y="23768"/>
                    <a:pt x="17323" y="24370"/>
                    <a:pt x="15771" y="24655"/>
                  </a:cubicBezTo>
                  <a:cubicBezTo>
                    <a:pt x="14973" y="24802"/>
                    <a:pt x="14166" y="24873"/>
                    <a:pt x="13359" y="24873"/>
                  </a:cubicBezTo>
                  <a:cubicBezTo>
                    <a:pt x="12598" y="24873"/>
                    <a:pt x="11838" y="24810"/>
                    <a:pt x="11084" y="24687"/>
                  </a:cubicBezTo>
                  <a:cubicBezTo>
                    <a:pt x="10704" y="24655"/>
                    <a:pt x="10324" y="24528"/>
                    <a:pt x="9944" y="24465"/>
                  </a:cubicBezTo>
                  <a:cubicBezTo>
                    <a:pt x="9564" y="24338"/>
                    <a:pt x="9184" y="24212"/>
                    <a:pt x="8836" y="24117"/>
                  </a:cubicBezTo>
                  <a:cubicBezTo>
                    <a:pt x="8108" y="23800"/>
                    <a:pt x="7316" y="23578"/>
                    <a:pt x="6777" y="23008"/>
                  </a:cubicBezTo>
                  <a:cubicBezTo>
                    <a:pt x="5479" y="22122"/>
                    <a:pt x="4466" y="21013"/>
                    <a:pt x="3357" y="19936"/>
                  </a:cubicBezTo>
                  <a:cubicBezTo>
                    <a:pt x="2439" y="18733"/>
                    <a:pt x="1774" y="17276"/>
                    <a:pt x="1457" y="15788"/>
                  </a:cubicBezTo>
                  <a:lnTo>
                    <a:pt x="1235" y="14616"/>
                  </a:lnTo>
                  <a:lnTo>
                    <a:pt x="1172" y="13444"/>
                  </a:lnTo>
                  <a:cubicBezTo>
                    <a:pt x="1172" y="12653"/>
                    <a:pt x="1235" y="11861"/>
                    <a:pt x="1267" y="11069"/>
                  </a:cubicBezTo>
                  <a:lnTo>
                    <a:pt x="1647" y="11101"/>
                  </a:lnTo>
                  <a:cubicBezTo>
                    <a:pt x="1710" y="10372"/>
                    <a:pt x="1869" y="9644"/>
                    <a:pt x="2122" y="8947"/>
                  </a:cubicBezTo>
                  <a:cubicBezTo>
                    <a:pt x="2249" y="8599"/>
                    <a:pt x="2407" y="8282"/>
                    <a:pt x="2565" y="7934"/>
                  </a:cubicBezTo>
                  <a:cubicBezTo>
                    <a:pt x="2724" y="7586"/>
                    <a:pt x="2914" y="7269"/>
                    <a:pt x="3136" y="6921"/>
                  </a:cubicBezTo>
                  <a:cubicBezTo>
                    <a:pt x="3294" y="6604"/>
                    <a:pt x="3547" y="6319"/>
                    <a:pt x="3737" y="6002"/>
                  </a:cubicBezTo>
                  <a:cubicBezTo>
                    <a:pt x="3991" y="5717"/>
                    <a:pt x="4212" y="5400"/>
                    <a:pt x="4466" y="5147"/>
                  </a:cubicBezTo>
                  <a:cubicBezTo>
                    <a:pt x="4972" y="4577"/>
                    <a:pt x="5574" y="4102"/>
                    <a:pt x="6176" y="3690"/>
                  </a:cubicBezTo>
                  <a:cubicBezTo>
                    <a:pt x="7992" y="2417"/>
                    <a:pt x="10229" y="1793"/>
                    <a:pt x="12483" y="1793"/>
                  </a:cubicBezTo>
                  <a:close/>
                  <a:moveTo>
                    <a:pt x="12525" y="1"/>
                  </a:moveTo>
                  <a:cubicBezTo>
                    <a:pt x="11662" y="1"/>
                    <a:pt x="10799" y="80"/>
                    <a:pt x="9944" y="238"/>
                  </a:cubicBezTo>
                  <a:cubicBezTo>
                    <a:pt x="9121" y="428"/>
                    <a:pt x="8266" y="650"/>
                    <a:pt x="7474" y="998"/>
                  </a:cubicBezTo>
                  <a:cubicBezTo>
                    <a:pt x="6651" y="1347"/>
                    <a:pt x="5891" y="1759"/>
                    <a:pt x="5162" y="2265"/>
                  </a:cubicBezTo>
                  <a:cubicBezTo>
                    <a:pt x="4466" y="2772"/>
                    <a:pt x="3801" y="3310"/>
                    <a:pt x="3231" y="3975"/>
                  </a:cubicBezTo>
                  <a:cubicBezTo>
                    <a:pt x="2914" y="4292"/>
                    <a:pt x="2660" y="4640"/>
                    <a:pt x="2375" y="4989"/>
                  </a:cubicBezTo>
                  <a:cubicBezTo>
                    <a:pt x="2154" y="5337"/>
                    <a:pt x="1869" y="5685"/>
                    <a:pt x="1679" y="6066"/>
                  </a:cubicBezTo>
                  <a:cubicBezTo>
                    <a:pt x="1457" y="6446"/>
                    <a:pt x="1235" y="6794"/>
                    <a:pt x="1077" y="7206"/>
                  </a:cubicBezTo>
                  <a:cubicBezTo>
                    <a:pt x="887" y="7586"/>
                    <a:pt x="697" y="7966"/>
                    <a:pt x="570" y="8409"/>
                  </a:cubicBezTo>
                  <a:cubicBezTo>
                    <a:pt x="285" y="9232"/>
                    <a:pt x="95" y="10087"/>
                    <a:pt x="0" y="10974"/>
                  </a:cubicBezTo>
                  <a:lnTo>
                    <a:pt x="380" y="11006"/>
                  </a:lnTo>
                  <a:cubicBezTo>
                    <a:pt x="349" y="11829"/>
                    <a:pt x="285" y="12621"/>
                    <a:pt x="285" y="13476"/>
                  </a:cubicBezTo>
                  <a:lnTo>
                    <a:pt x="317" y="14711"/>
                  </a:lnTo>
                  <a:lnTo>
                    <a:pt x="507" y="15978"/>
                  </a:lnTo>
                  <a:cubicBezTo>
                    <a:pt x="824" y="17625"/>
                    <a:pt x="1457" y="19208"/>
                    <a:pt x="2439" y="20633"/>
                  </a:cubicBezTo>
                  <a:cubicBezTo>
                    <a:pt x="3231" y="22153"/>
                    <a:pt x="4687" y="23262"/>
                    <a:pt x="6176" y="24022"/>
                  </a:cubicBezTo>
                  <a:cubicBezTo>
                    <a:pt x="6366" y="24117"/>
                    <a:pt x="6587" y="24117"/>
                    <a:pt x="6809" y="24212"/>
                  </a:cubicBezTo>
                  <a:cubicBezTo>
                    <a:pt x="6999" y="24275"/>
                    <a:pt x="7157" y="24402"/>
                    <a:pt x="7348" y="24465"/>
                  </a:cubicBezTo>
                  <a:cubicBezTo>
                    <a:pt x="7759" y="24623"/>
                    <a:pt x="8139" y="24814"/>
                    <a:pt x="8519" y="24940"/>
                  </a:cubicBezTo>
                  <a:cubicBezTo>
                    <a:pt x="8931" y="25067"/>
                    <a:pt x="9311" y="25194"/>
                    <a:pt x="9723" y="25289"/>
                  </a:cubicBezTo>
                  <a:cubicBezTo>
                    <a:pt x="10134" y="25384"/>
                    <a:pt x="10546" y="25479"/>
                    <a:pt x="10958" y="25542"/>
                  </a:cubicBezTo>
                  <a:cubicBezTo>
                    <a:pt x="11690" y="25654"/>
                    <a:pt x="12428" y="25711"/>
                    <a:pt x="13167" y="25711"/>
                  </a:cubicBezTo>
                  <a:cubicBezTo>
                    <a:pt x="14090" y="25711"/>
                    <a:pt x="15015" y="25623"/>
                    <a:pt x="15930" y="25447"/>
                  </a:cubicBezTo>
                  <a:cubicBezTo>
                    <a:pt x="17545" y="25099"/>
                    <a:pt x="19128" y="24433"/>
                    <a:pt x="20490" y="23483"/>
                  </a:cubicBezTo>
                  <a:cubicBezTo>
                    <a:pt x="21852" y="22533"/>
                    <a:pt x="23024" y="21267"/>
                    <a:pt x="23879" y="19841"/>
                  </a:cubicBezTo>
                  <a:cubicBezTo>
                    <a:pt x="24734" y="18416"/>
                    <a:pt x="25272" y="16833"/>
                    <a:pt x="25557" y="15186"/>
                  </a:cubicBezTo>
                  <a:cubicBezTo>
                    <a:pt x="25589" y="14774"/>
                    <a:pt x="25684" y="14363"/>
                    <a:pt x="25684" y="13951"/>
                  </a:cubicBezTo>
                  <a:cubicBezTo>
                    <a:pt x="25684" y="13539"/>
                    <a:pt x="25716" y="13128"/>
                    <a:pt x="25684" y="12716"/>
                  </a:cubicBezTo>
                  <a:cubicBezTo>
                    <a:pt x="25684" y="12304"/>
                    <a:pt x="25652" y="11893"/>
                    <a:pt x="25652" y="11481"/>
                  </a:cubicBezTo>
                  <a:lnTo>
                    <a:pt x="25462" y="10246"/>
                  </a:lnTo>
                  <a:cubicBezTo>
                    <a:pt x="25367" y="9834"/>
                    <a:pt x="25241" y="9422"/>
                    <a:pt x="25146" y="9042"/>
                  </a:cubicBezTo>
                  <a:cubicBezTo>
                    <a:pt x="25019" y="8631"/>
                    <a:pt x="24860" y="8251"/>
                    <a:pt x="24734" y="7839"/>
                  </a:cubicBezTo>
                  <a:cubicBezTo>
                    <a:pt x="24670" y="7649"/>
                    <a:pt x="24544" y="7459"/>
                    <a:pt x="24480" y="7269"/>
                  </a:cubicBezTo>
                  <a:lnTo>
                    <a:pt x="24227" y="6667"/>
                  </a:lnTo>
                  <a:cubicBezTo>
                    <a:pt x="24164" y="6477"/>
                    <a:pt x="24037" y="6287"/>
                    <a:pt x="23942" y="6097"/>
                  </a:cubicBezTo>
                  <a:cubicBezTo>
                    <a:pt x="23847" y="5907"/>
                    <a:pt x="23752" y="5717"/>
                    <a:pt x="23657" y="5527"/>
                  </a:cubicBezTo>
                  <a:cubicBezTo>
                    <a:pt x="22675" y="4134"/>
                    <a:pt x="21345" y="2962"/>
                    <a:pt x="19888" y="2075"/>
                  </a:cubicBezTo>
                  <a:lnTo>
                    <a:pt x="18780" y="1410"/>
                  </a:lnTo>
                  <a:cubicBezTo>
                    <a:pt x="18400" y="1220"/>
                    <a:pt x="17988" y="1062"/>
                    <a:pt x="17608" y="903"/>
                  </a:cubicBezTo>
                  <a:cubicBezTo>
                    <a:pt x="17197" y="745"/>
                    <a:pt x="16785" y="650"/>
                    <a:pt x="16373" y="523"/>
                  </a:cubicBezTo>
                  <a:cubicBezTo>
                    <a:pt x="15961" y="397"/>
                    <a:pt x="15518" y="333"/>
                    <a:pt x="15106" y="238"/>
                  </a:cubicBezTo>
                  <a:cubicBezTo>
                    <a:pt x="14251" y="80"/>
                    <a:pt x="13388" y="1"/>
                    <a:pt x="12525" y="1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3" name="Dikdörtgen 2"/>
            <p:cNvSpPr/>
            <p:nvPr/>
          </p:nvSpPr>
          <p:spPr>
            <a:xfrm>
              <a:off x="4684544" y="3933649"/>
              <a:ext cx="2926078" cy="138499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lvl="0" algn="ctr"/>
              <a:r>
                <a:rPr lang="tr-TR" sz="2800" dirty="0">
                  <a:solidFill>
                    <a:prstClr val="black"/>
                  </a:solidFill>
                </a:rPr>
                <a:t>Fâtiha “</a:t>
              </a:r>
              <a:r>
                <a:rPr lang="tr-TR" sz="2800" b="1" dirty="0">
                  <a:solidFill>
                    <a:prstClr val="black"/>
                  </a:solidFill>
                </a:rPr>
                <a:t>açan, açılış</a:t>
              </a:r>
              <a:r>
                <a:rPr lang="tr-TR" sz="2800" dirty="0">
                  <a:solidFill>
                    <a:prstClr val="black"/>
                  </a:solidFill>
                </a:rPr>
                <a:t>” anlamlarına gelir.</a:t>
              </a:r>
            </a:p>
          </p:txBody>
        </p:sp>
      </p:grpSp>
      <p:grpSp>
        <p:nvGrpSpPr>
          <p:cNvPr id="23" name="Grup 22"/>
          <p:cNvGrpSpPr/>
          <p:nvPr/>
        </p:nvGrpSpPr>
        <p:grpSpPr>
          <a:xfrm>
            <a:off x="253351" y="1772528"/>
            <a:ext cx="3485184" cy="3232820"/>
            <a:chOff x="566311" y="1716258"/>
            <a:chExt cx="3022994" cy="3227345"/>
          </a:xfrm>
        </p:grpSpPr>
        <p:sp>
          <p:nvSpPr>
            <p:cNvPr id="259" name="Google Shape;1623;p42"/>
            <p:cNvSpPr/>
            <p:nvPr/>
          </p:nvSpPr>
          <p:spPr>
            <a:xfrm>
              <a:off x="859241" y="2076584"/>
              <a:ext cx="2674082" cy="2867019"/>
            </a:xfrm>
            <a:custGeom>
              <a:avLst/>
              <a:gdLst/>
              <a:ahLst/>
              <a:cxnLst/>
              <a:rect l="l" t="t" r="r" b="b"/>
              <a:pathLst>
                <a:path w="59290" h="73443" extrusionOk="0">
                  <a:moveTo>
                    <a:pt x="20599" y="1"/>
                  </a:moveTo>
                  <a:cubicBezTo>
                    <a:pt x="4694" y="1"/>
                    <a:pt x="539" y="189"/>
                    <a:pt x="539" y="4879"/>
                  </a:cubicBezTo>
                  <a:lnTo>
                    <a:pt x="539" y="27459"/>
                  </a:lnTo>
                  <a:cubicBezTo>
                    <a:pt x="539" y="61820"/>
                    <a:pt x="1" y="73443"/>
                    <a:pt x="34108" y="73443"/>
                  </a:cubicBezTo>
                  <a:lnTo>
                    <a:pt x="34108" y="73443"/>
                  </a:lnTo>
                  <a:cubicBezTo>
                    <a:pt x="34762" y="73443"/>
                    <a:pt x="35397" y="73443"/>
                    <a:pt x="36016" y="73443"/>
                  </a:cubicBezTo>
                  <a:cubicBezTo>
                    <a:pt x="53095" y="73443"/>
                    <a:pt x="57195" y="73295"/>
                    <a:pt x="57195" y="64860"/>
                  </a:cubicBezTo>
                  <a:cubicBezTo>
                    <a:pt x="57195" y="61503"/>
                    <a:pt x="56847" y="58178"/>
                    <a:pt x="56847" y="54726"/>
                  </a:cubicBezTo>
                  <a:cubicBezTo>
                    <a:pt x="56847" y="50831"/>
                    <a:pt x="58050" y="24799"/>
                    <a:pt x="58050" y="15583"/>
                  </a:cubicBezTo>
                  <a:cubicBezTo>
                    <a:pt x="58050" y="268"/>
                    <a:pt x="59289" y="2"/>
                    <a:pt x="28467" y="2"/>
                  </a:cubicBezTo>
                  <a:cubicBezTo>
                    <a:pt x="27360" y="2"/>
                    <a:pt x="26211" y="2"/>
                    <a:pt x="25019" y="2"/>
                  </a:cubicBezTo>
                  <a:cubicBezTo>
                    <a:pt x="23453" y="2"/>
                    <a:pt x="21982" y="1"/>
                    <a:pt x="20599" y="1"/>
                  </a:cubicBezTo>
                  <a:close/>
                </a:path>
              </a:pathLst>
            </a:custGeom>
            <a:solidFill>
              <a:srgbClr val="F4D657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60" name="Google Shape;1624;p42"/>
            <p:cNvSpPr/>
            <p:nvPr/>
          </p:nvSpPr>
          <p:spPr>
            <a:xfrm>
              <a:off x="1042913" y="2112589"/>
              <a:ext cx="2546392" cy="2749496"/>
            </a:xfrm>
            <a:custGeom>
              <a:avLst/>
              <a:gdLst/>
              <a:ahLst/>
              <a:cxnLst/>
              <a:rect l="l" t="t" r="r" b="b"/>
              <a:pathLst>
                <a:path w="55644" h="71793" extrusionOk="0">
                  <a:moveTo>
                    <a:pt x="51431" y="0"/>
                  </a:moveTo>
                  <a:cubicBezTo>
                    <a:pt x="52381" y="2312"/>
                    <a:pt x="52255" y="5732"/>
                    <a:pt x="52255" y="10799"/>
                  </a:cubicBezTo>
                  <a:cubicBezTo>
                    <a:pt x="52255" y="20015"/>
                    <a:pt x="51051" y="46047"/>
                    <a:pt x="51051" y="49942"/>
                  </a:cubicBezTo>
                  <a:cubicBezTo>
                    <a:pt x="51051" y="53394"/>
                    <a:pt x="51368" y="56719"/>
                    <a:pt x="51368" y="60076"/>
                  </a:cubicBezTo>
                  <a:cubicBezTo>
                    <a:pt x="51368" y="68511"/>
                    <a:pt x="47298" y="68659"/>
                    <a:pt x="30221" y="68659"/>
                  </a:cubicBezTo>
                  <a:cubicBezTo>
                    <a:pt x="29602" y="68659"/>
                    <a:pt x="28966" y="68658"/>
                    <a:pt x="28313" y="68658"/>
                  </a:cubicBezTo>
                  <a:lnTo>
                    <a:pt x="28313" y="68658"/>
                  </a:lnTo>
                  <a:cubicBezTo>
                    <a:pt x="22693" y="68658"/>
                    <a:pt x="18011" y="68750"/>
                    <a:pt x="14112" y="68750"/>
                  </a:cubicBezTo>
                  <a:cubicBezTo>
                    <a:pt x="7289" y="68750"/>
                    <a:pt x="2863" y="68468"/>
                    <a:pt x="1" y="66917"/>
                  </a:cubicBezTo>
                  <a:lnTo>
                    <a:pt x="1" y="66917"/>
                  </a:lnTo>
                  <a:cubicBezTo>
                    <a:pt x="2364" y="71189"/>
                    <a:pt x="7190" y="71792"/>
                    <a:pt x="17110" y="71792"/>
                  </a:cubicBezTo>
                  <a:cubicBezTo>
                    <a:pt x="21015" y="71792"/>
                    <a:pt x="25709" y="71699"/>
                    <a:pt x="31353" y="71699"/>
                  </a:cubicBezTo>
                  <a:lnTo>
                    <a:pt x="31353" y="71699"/>
                  </a:lnTo>
                  <a:cubicBezTo>
                    <a:pt x="32007" y="71699"/>
                    <a:pt x="32642" y="71699"/>
                    <a:pt x="33261" y="71699"/>
                  </a:cubicBezTo>
                  <a:cubicBezTo>
                    <a:pt x="50340" y="71699"/>
                    <a:pt x="54440" y="71551"/>
                    <a:pt x="54440" y="63116"/>
                  </a:cubicBezTo>
                  <a:cubicBezTo>
                    <a:pt x="54440" y="59759"/>
                    <a:pt x="54092" y="56434"/>
                    <a:pt x="54092" y="52982"/>
                  </a:cubicBezTo>
                  <a:cubicBezTo>
                    <a:pt x="54092" y="49087"/>
                    <a:pt x="55295" y="23055"/>
                    <a:pt x="55295" y="13839"/>
                  </a:cubicBezTo>
                  <a:cubicBezTo>
                    <a:pt x="55295" y="5764"/>
                    <a:pt x="55643" y="1869"/>
                    <a:pt x="51431" y="0"/>
                  </a:cubicBezTo>
                  <a:close/>
                </a:path>
              </a:pathLst>
            </a:custGeom>
            <a:solidFill>
              <a:srgbClr val="E5C74C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61" name="Google Shape;1625;p42"/>
            <p:cNvSpPr/>
            <p:nvPr/>
          </p:nvSpPr>
          <p:spPr>
            <a:xfrm>
              <a:off x="773235" y="2039815"/>
              <a:ext cx="2799960" cy="2896634"/>
            </a:xfrm>
            <a:custGeom>
              <a:avLst/>
              <a:gdLst/>
              <a:ahLst/>
              <a:cxnLst/>
              <a:rect l="l" t="t" r="r" b="b"/>
              <a:pathLst>
                <a:path w="59475" h="75635" extrusionOk="0">
                  <a:moveTo>
                    <a:pt x="42140" y="1920"/>
                  </a:moveTo>
                  <a:cubicBezTo>
                    <a:pt x="42798" y="1920"/>
                    <a:pt x="43457" y="1923"/>
                    <a:pt x="44115" y="1933"/>
                  </a:cubicBezTo>
                  <a:cubicBezTo>
                    <a:pt x="46332" y="1964"/>
                    <a:pt x="48581" y="2059"/>
                    <a:pt x="50798" y="2313"/>
                  </a:cubicBezTo>
                  <a:cubicBezTo>
                    <a:pt x="51874" y="2439"/>
                    <a:pt x="52983" y="2629"/>
                    <a:pt x="54028" y="2946"/>
                  </a:cubicBezTo>
                  <a:cubicBezTo>
                    <a:pt x="55073" y="3263"/>
                    <a:pt x="56055" y="3706"/>
                    <a:pt x="56815" y="4435"/>
                  </a:cubicBezTo>
                  <a:cubicBezTo>
                    <a:pt x="57575" y="5131"/>
                    <a:pt x="58050" y="6113"/>
                    <a:pt x="58303" y="7158"/>
                  </a:cubicBezTo>
                  <a:cubicBezTo>
                    <a:pt x="58557" y="8203"/>
                    <a:pt x="58683" y="9312"/>
                    <a:pt x="58715" y="10420"/>
                  </a:cubicBezTo>
                  <a:cubicBezTo>
                    <a:pt x="58842" y="12668"/>
                    <a:pt x="58810" y="14917"/>
                    <a:pt x="58810" y="17165"/>
                  </a:cubicBezTo>
                  <a:cubicBezTo>
                    <a:pt x="58842" y="21662"/>
                    <a:pt x="58620" y="26159"/>
                    <a:pt x="58335" y="30656"/>
                  </a:cubicBezTo>
                  <a:cubicBezTo>
                    <a:pt x="58272" y="31765"/>
                    <a:pt x="58176" y="47884"/>
                    <a:pt x="58050" y="49024"/>
                  </a:cubicBezTo>
                  <a:cubicBezTo>
                    <a:pt x="57955" y="50133"/>
                    <a:pt x="57828" y="51273"/>
                    <a:pt x="57701" y="52381"/>
                  </a:cubicBezTo>
                  <a:cubicBezTo>
                    <a:pt x="57670" y="52951"/>
                    <a:pt x="57448" y="53490"/>
                    <a:pt x="57385" y="54060"/>
                  </a:cubicBezTo>
                  <a:cubicBezTo>
                    <a:pt x="57353" y="54630"/>
                    <a:pt x="57353" y="55200"/>
                    <a:pt x="57321" y="55770"/>
                  </a:cubicBezTo>
                  <a:cubicBezTo>
                    <a:pt x="57321" y="56910"/>
                    <a:pt x="57353" y="58050"/>
                    <a:pt x="57385" y="59190"/>
                  </a:cubicBezTo>
                  <a:cubicBezTo>
                    <a:pt x="57480" y="61439"/>
                    <a:pt x="57606" y="63687"/>
                    <a:pt x="57606" y="65904"/>
                  </a:cubicBezTo>
                  <a:cubicBezTo>
                    <a:pt x="57606" y="67012"/>
                    <a:pt x="57543" y="68089"/>
                    <a:pt x="57321" y="69134"/>
                  </a:cubicBezTo>
                  <a:cubicBezTo>
                    <a:pt x="57100" y="70147"/>
                    <a:pt x="56656" y="71066"/>
                    <a:pt x="55928" y="71731"/>
                  </a:cubicBezTo>
                  <a:cubicBezTo>
                    <a:pt x="55231" y="72396"/>
                    <a:pt x="54250" y="72808"/>
                    <a:pt x="53204" y="73093"/>
                  </a:cubicBezTo>
                  <a:cubicBezTo>
                    <a:pt x="52191" y="73346"/>
                    <a:pt x="51083" y="73504"/>
                    <a:pt x="50006" y="73631"/>
                  </a:cubicBezTo>
                  <a:cubicBezTo>
                    <a:pt x="47789" y="73853"/>
                    <a:pt x="45541" y="73884"/>
                    <a:pt x="43324" y="73916"/>
                  </a:cubicBezTo>
                  <a:cubicBezTo>
                    <a:pt x="42574" y="73927"/>
                    <a:pt x="41825" y="73930"/>
                    <a:pt x="41075" y="73930"/>
                  </a:cubicBezTo>
                  <a:cubicBezTo>
                    <a:pt x="39576" y="73930"/>
                    <a:pt x="38077" y="73916"/>
                    <a:pt x="36578" y="73916"/>
                  </a:cubicBezTo>
                  <a:lnTo>
                    <a:pt x="33190" y="73916"/>
                  </a:lnTo>
                  <a:cubicBezTo>
                    <a:pt x="32081" y="73916"/>
                    <a:pt x="30941" y="73916"/>
                    <a:pt x="29801" y="73853"/>
                  </a:cubicBezTo>
                  <a:cubicBezTo>
                    <a:pt x="28693" y="73789"/>
                    <a:pt x="27553" y="73789"/>
                    <a:pt x="26444" y="73789"/>
                  </a:cubicBezTo>
                  <a:lnTo>
                    <a:pt x="23055" y="73821"/>
                  </a:lnTo>
                  <a:cubicBezTo>
                    <a:pt x="20807" y="73821"/>
                    <a:pt x="18558" y="73789"/>
                    <a:pt x="16342" y="73726"/>
                  </a:cubicBezTo>
                  <a:cubicBezTo>
                    <a:pt x="14125" y="73631"/>
                    <a:pt x="11908" y="73473"/>
                    <a:pt x="9849" y="72966"/>
                  </a:cubicBezTo>
                  <a:cubicBezTo>
                    <a:pt x="8804" y="72713"/>
                    <a:pt x="7823" y="72333"/>
                    <a:pt x="6999" y="71826"/>
                  </a:cubicBezTo>
                  <a:cubicBezTo>
                    <a:pt x="6176" y="71288"/>
                    <a:pt x="5479" y="70623"/>
                    <a:pt x="4941" y="69767"/>
                  </a:cubicBezTo>
                  <a:cubicBezTo>
                    <a:pt x="3896" y="68089"/>
                    <a:pt x="3452" y="65904"/>
                    <a:pt x="3167" y="63750"/>
                  </a:cubicBezTo>
                  <a:cubicBezTo>
                    <a:pt x="2914" y="61565"/>
                    <a:pt x="2819" y="59348"/>
                    <a:pt x="2756" y="57132"/>
                  </a:cubicBezTo>
                  <a:cubicBezTo>
                    <a:pt x="2629" y="52635"/>
                    <a:pt x="2692" y="33163"/>
                    <a:pt x="2692" y="28631"/>
                  </a:cubicBezTo>
                  <a:lnTo>
                    <a:pt x="2692" y="28631"/>
                  </a:lnTo>
                  <a:lnTo>
                    <a:pt x="2692" y="28661"/>
                  </a:lnTo>
                  <a:lnTo>
                    <a:pt x="3104" y="28661"/>
                  </a:lnTo>
                  <a:lnTo>
                    <a:pt x="3167" y="21884"/>
                  </a:lnTo>
                  <a:cubicBezTo>
                    <a:pt x="3167" y="19636"/>
                    <a:pt x="3199" y="17387"/>
                    <a:pt x="3199" y="15139"/>
                  </a:cubicBezTo>
                  <a:cubicBezTo>
                    <a:pt x="3167" y="12890"/>
                    <a:pt x="3136" y="10642"/>
                    <a:pt x="3104" y="8393"/>
                  </a:cubicBezTo>
                  <a:lnTo>
                    <a:pt x="3104" y="6683"/>
                  </a:lnTo>
                  <a:lnTo>
                    <a:pt x="3072" y="5891"/>
                  </a:lnTo>
                  <a:cubicBezTo>
                    <a:pt x="3072" y="5670"/>
                    <a:pt x="3104" y="5448"/>
                    <a:pt x="3136" y="5258"/>
                  </a:cubicBezTo>
                  <a:cubicBezTo>
                    <a:pt x="3199" y="4878"/>
                    <a:pt x="3294" y="4625"/>
                    <a:pt x="3484" y="4403"/>
                  </a:cubicBezTo>
                  <a:cubicBezTo>
                    <a:pt x="3642" y="4150"/>
                    <a:pt x="3927" y="3928"/>
                    <a:pt x="4307" y="3738"/>
                  </a:cubicBezTo>
                  <a:cubicBezTo>
                    <a:pt x="5099" y="3358"/>
                    <a:pt x="6113" y="3136"/>
                    <a:pt x="7158" y="2978"/>
                  </a:cubicBezTo>
                  <a:cubicBezTo>
                    <a:pt x="8234" y="2819"/>
                    <a:pt x="9311" y="2693"/>
                    <a:pt x="10420" y="2629"/>
                  </a:cubicBezTo>
                  <a:cubicBezTo>
                    <a:pt x="12636" y="2471"/>
                    <a:pt x="14885" y="2439"/>
                    <a:pt x="17102" y="2376"/>
                  </a:cubicBezTo>
                  <a:cubicBezTo>
                    <a:pt x="21599" y="2281"/>
                    <a:pt x="26127" y="2249"/>
                    <a:pt x="30624" y="2123"/>
                  </a:cubicBezTo>
                  <a:lnTo>
                    <a:pt x="33981" y="2028"/>
                  </a:lnTo>
                  <a:lnTo>
                    <a:pt x="37370" y="1964"/>
                  </a:lnTo>
                  <a:cubicBezTo>
                    <a:pt x="38960" y="1942"/>
                    <a:pt x="40550" y="1920"/>
                    <a:pt x="42140" y="1920"/>
                  </a:cubicBezTo>
                  <a:close/>
                  <a:moveTo>
                    <a:pt x="17102" y="1"/>
                  </a:moveTo>
                  <a:cubicBezTo>
                    <a:pt x="14853" y="1"/>
                    <a:pt x="12573" y="1"/>
                    <a:pt x="10293" y="64"/>
                  </a:cubicBezTo>
                  <a:cubicBezTo>
                    <a:pt x="9153" y="128"/>
                    <a:pt x="7981" y="191"/>
                    <a:pt x="6809" y="318"/>
                  </a:cubicBezTo>
                  <a:cubicBezTo>
                    <a:pt x="5638" y="476"/>
                    <a:pt x="4434" y="666"/>
                    <a:pt x="3136" y="1204"/>
                  </a:cubicBezTo>
                  <a:cubicBezTo>
                    <a:pt x="2502" y="1489"/>
                    <a:pt x="1837" y="1933"/>
                    <a:pt x="1299" y="2566"/>
                  </a:cubicBezTo>
                  <a:cubicBezTo>
                    <a:pt x="729" y="3199"/>
                    <a:pt x="412" y="3991"/>
                    <a:pt x="285" y="4720"/>
                  </a:cubicBezTo>
                  <a:cubicBezTo>
                    <a:pt x="190" y="5100"/>
                    <a:pt x="159" y="5448"/>
                    <a:pt x="159" y="5796"/>
                  </a:cubicBezTo>
                  <a:lnTo>
                    <a:pt x="127" y="6683"/>
                  </a:lnTo>
                  <a:lnTo>
                    <a:pt x="95" y="8361"/>
                  </a:lnTo>
                  <a:cubicBezTo>
                    <a:pt x="64" y="10610"/>
                    <a:pt x="32" y="12858"/>
                    <a:pt x="32" y="15139"/>
                  </a:cubicBezTo>
                  <a:cubicBezTo>
                    <a:pt x="0" y="17387"/>
                    <a:pt x="64" y="19636"/>
                    <a:pt x="64" y="21884"/>
                  </a:cubicBezTo>
                  <a:lnTo>
                    <a:pt x="127" y="28630"/>
                  </a:lnTo>
                  <a:lnTo>
                    <a:pt x="539" y="28630"/>
                  </a:lnTo>
                  <a:cubicBezTo>
                    <a:pt x="539" y="33127"/>
                    <a:pt x="507" y="52635"/>
                    <a:pt x="634" y="57163"/>
                  </a:cubicBezTo>
                  <a:cubicBezTo>
                    <a:pt x="729" y="59443"/>
                    <a:pt x="824" y="61692"/>
                    <a:pt x="1140" y="64004"/>
                  </a:cubicBezTo>
                  <a:cubicBezTo>
                    <a:pt x="1299" y="65144"/>
                    <a:pt x="1489" y="66316"/>
                    <a:pt x="1806" y="67456"/>
                  </a:cubicBezTo>
                  <a:cubicBezTo>
                    <a:pt x="1964" y="68026"/>
                    <a:pt x="2154" y="68596"/>
                    <a:pt x="2407" y="69166"/>
                  </a:cubicBezTo>
                  <a:cubicBezTo>
                    <a:pt x="2629" y="69736"/>
                    <a:pt x="2914" y="70306"/>
                    <a:pt x="3262" y="70813"/>
                  </a:cubicBezTo>
                  <a:cubicBezTo>
                    <a:pt x="3927" y="71889"/>
                    <a:pt x="4877" y="72839"/>
                    <a:pt x="5954" y="73473"/>
                  </a:cubicBezTo>
                  <a:cubicBezTo>
                    <a:pt x="7031" y="74138"/>
                    <a:pt x="8203" y="74549"/>
                    <a:pt x="9374" y="74834"/>
                  </a:cubicBezTo>
                  <a:cubicBezTo>
                    <a:pt x="11686" y="75373"/>
                    <a:pt x="13998" y="75500"/>
                    <a:pt x="16278" y="75595"/>
                  </a:cubicBezTo>
                  <a:cubicBezTo>
                    <a:pt x="17418" y="75626"/>
                    <a:pt x="18551" y="75634"/>
                    <a:pt x="19679" y="75634"/>
                  </a:cubicBezTo>
                  <a:cubicBezTo>
                    <a:pt x="20807" y="75634"/>
                    <a:pt x="21931" y="75626"/>
                    <a:pt x="23055" y="75626"/>
                  </a:cubicBezTo>
                  <a:lnTo>
                    <a:pt x="26444" y="75563"/>
                  </a:lnTo>
                  <a:cubicBezTo>
                    <a:pt x="27584" y="75563"/>
                    <a:pt x="28693" y="75531"/>
                    <a:pt x="29833" y="75436"/>
                  </a:cubicBezTo>
                  <a:cubicBezTo>
                    <a:pt x="30941" y="75373"/>
                    <a:pt x="32081" y="75341"/>
                    <a:pt x="33190" y="75341"/>
                  </a:cubicBezTo>
                  <a:lnTo>
                    <a:pt x="36578" y="75341"/>
                  </a:lnTo>
                  <a:cubicBezTo>
                    <a:pt x="38827" y="75310"/>
                    <a:pt x="41075" y="75310"/>
                    <a:pt x="43324" y="75278"/>
                  </a:cubicBezTo>
                  <a:cubicBezTo>
                    <a:pt x="45604" y="75246"/>
                    <a:pt x="47852" y="75183"/>
                    <a:pt x="50133" y="74929"/>
                  </a:cubicBezTo>
                  <a:cubicBezTo>
                    <a:pt x="51273" y="74803"/>
                    <a:pt x="52413" y="74644"/>
                    <a:pt x="53584" y="74328"/>
                  </a:cubicBezTo>
                  <a:cubicBezTo>
                    <a:pt x="54693" y="74011"/>
                    <a:pt x="55865" y="73536"/>
                    <a:pt x="56815" y="72649"/>
                  </a:cubicBezTo>
                  <a:cubicBezTo>
                    <a:pt x="57290" y="72206"/>
                    <a:pt x="57670" y="71699"/>
                    <a:pt x="57955" y="71129"/>
                  </a:cubicBezTo>
                  <a:cubicBezTo>
                    <a:pt x="58272" y="70559"/>
                    <a:pt x="58462" y="69989"/>
                    <a:pt x="58588" y="69387"/>
                  </a:cubicBezTo>
                  <a:cubicBezTo>
                    <a:pt x="58842" y="68216"/>
                    <a:pt x="58905" y="67044"/>
                    <a:pt x="58873" y="65872"/>
                  </a:cubicBezTo>
                  <a:cubicBezTo>
                    <a:pt x="58873" y="63624"/>
                    <a:pt x="58715" y="61344"/>
                    <a:pt x="58588" y="59127"/>
                  </a:cubicBezTo>
                  <a:cubicBezTo>
                    <a:pt x="58557" y="57987"/>
                    <a:pt x="58493" y="56878"/>
                    <a:pt x="58493" y="55770"/>
                  </a:cubicBezTo>
                  <a:cubicBezTo>
                    <a:pt x="58493" y="55231"/>
                    <a:pt x="58525" y="54661"/>
                    <a:pt x="58557" y="54091"/>
                  </a:cubicBezTo>
                  <a:cubicBezTo>
                    <a:pt x="58557" y="53553"/>
                    <a:pt x="58398" y="52983"/>
                    <a:pt x="58430" y="52413"/>
                  </a:cubicBezTo>
                  <a:cubicBezTo>
                    <a:pt x="58430" y="51304"/>
                    <a:pt x="58462" y="50164"/>
                    <a:pt x="58525" y="49024"/>
                  </a:cubicBezTo>
                  <a:cubicBezTo>
                    <a:pt x="58557" y="47916"/>
                    <a:pt x="58620" y="31796"/>
                    <a:pt x="58715" y="30656"/>
                  </a:cubicBezTo>
                  <a:cubicBezTo>
                    <a:pt x="59032" y="26159"/>
                    <a:pt x="59348" y="21662"/>
                    <a:pt x="59380" y="17165"/>
                  </a:cubicBezTo>
                  <a:cubicBezTo>
                    <a:pt x="59412" y="14917"/>
                    <a:pt x="59475" y="12668"/>
                    <a:pt x="59412" y="10388"/>
                  </a:cubicBezTo>
                  <a:cubicBezTo>
                    <a:pt x="59348" y="9248"/>
                    <a:pt x="59285" y="8108"/>
                    <a:pt x="59032" y="6968"/>
                  </a:cubicBezTo>
                  <a:cubicBezTo>
                    <a:pt x="58873" y="6398"/>
                    <a:pt x="58715" y="5828"/>
                    <a:pt x="58430" y="5290"/>
                  </a:cubicBezTo>
                  <a:cubicBezTo>
                    <a:pt x="58176" y="4751"/>
                    <a:pt x="57828" y="4245"/>
                    <a:pt x="57385" y="3833"/>
                  </a:cubicBezTo>
                  <a:cubicBezTo>
                    <a:pt x="56530" y="2946"/>
                    <a:pt x="55421" y="2439"/>
                    <a:pt x="54313" y="2059"/>
                  </a:cubicBezTo>
                  <a:cubicBezTo>
                    <a:pt x="53204" y="1711"/>
                    <a:pt x="52064" y="1489"/>
                    <a:pt x="50924" y="1299"/>
                  </a:cubicBezTo>
                  <a:cubicBezTo>
                    <a:pt x="48676" y="983"/>
                    <a:pt x="46427" y="824"/>
                    <a:pt x="44147" y="698"/>
                  </a:cubicBezTo>
                  <a:cubicBezTo>
                    <a:pt x="41899" y="603"/>
                    <a:pt x="39650" y="508"/>
                    <a:pt x="37370" y="444"/>
                  </a:cubicBezTo>
                  <a:lnTo>
                    <a:pt x="30624" y="254"/>
                  </a:lnTo>
                  <a:cubicBezTo>
                    <a:pt x="26127" y="128"/>
                    <a:pt x="21630" y="64"/>
                    <a:pt x="17102" y="1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62" name="Google Shape;1626;p42"/>
            <p:cNvSpPr/>
            <p:nvPr/>
          </p:nvSpPr>
          <p:spPr>
            <a:xfrm>
              <a:off x="605153" y="1769999"/>
              <a:ext cx="618933" cy="587079"/>
            </a:xfrm>
            <a:custGeom>
              <a:avLst/>
              <a:gdLst/>
              <a:ahLst/>
              <a:cxnLst/>
              <a:rect l="l" t="t" r="r" b="b"/>
              <a:pathLst>
                <a:path w="24703" h="24386" extrusionOk="0">
                  <a:moveTo>
                    <a:pt x="11781" y="0"/>
                  </a:moveTo>
                  <a:cubicBezTo>
                    <a:pt x="7379" y="0"/>
                    <a:pt x="3041" y="2154"/>
                    <a:pt x="887" y="7094"/>
                  </a:cubicBezTo>
                  <a:cubicBezTo>
                    <a:pt x="476" y="8044"/>
                    <a:pt x="190" y="9089"/>
                    <a:pt x="95" y="10134"/>
                  </a:cubicBezTo>
                  <a:cubicBezTo>
                    <a:pt x="32" y="10894"/>
                    <a:pt x="0" y="11623"/>
                    <a:pt x="0" y="12383"/>
                  </a:cubicBezTo>
                  <a:cubicBezTo>
                    <a:pt x="0" y="19952"/>
                    <a:pt x="6113" y="24385"/>
                    <a:pt x="12510" y="24385"/>
                  </a:cubicBezTo>
                  <a:cubicBezTo>
                    <a:pt x="19730" y="24385"/>
                    <a:pt x="24702" y="18906"/>
                    <a:pt x="24702" y="11939"/>
                  </a:cubicBezTo>
                  <a:cubicBezTo>
                    <a:pt x="24702" y="4592"/>
                    <a:pt x="18179" y="0"/>
                    <a:pt x="11781" y="0"/>
                  </a:cubicBezTo>
                  <a:close/>
                </a:path>
              </a:pathLst>
            </a:custGeom>
            <a:solidFill>
              <a:srgbClr val="FFFEFD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r>
                <a:rPr kumimoji="0" lang="en" sz="3000" b="0" i="0" u="none" strike="noStrike" kern="120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Fira Sans"/>
                  <a:ea typeface="Fira Sans"/>
                  <a:cs typeface="Fira Sans"/>
                  <a:sym typeface="Fira Sans"/>
                </a:rPr>
                <a:t>1</a:t>
              </a:r>
              <a:endParaRPr kumimoji="0" sz="30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Fira Sans"/>
                <a:ea typeface="Fira Sans"/>
                <a:cs typeface="Fira Sans"/>
                <a:sym typeface="Fira Sans"/>
              </a:endParaRPr>
            </a:p>
          </p:txBody>
        </p:sp>
        <p:sp>
          <p:nvSpPr>
            <p:cNvPr id="263" name="Google Shape;1627;p42"/>
            <p:cNvSpPr/>
            <p:nvPr/>
          </p:nvSpPr>
          <p:spPr>
            <a:xfrm>
              <a:off x="668964" y="1866663"/>
              <a:ext cx="564188" cy="522271"/>
            </a:xfrm>
            <a:custGeom>
              <a:avLst/>
              <a:gdLst/>
              <a:ahLst/>
              <a:cxnLst/>
              <a:rect l="l" t="t" r="r" b="b"/>
              <a:pathLst>
                <a:path w="22518" h="21694" extrusionOk="0">
                  <a:moveTo>
                    <a:pt x="17830" y="0"/>
                  </a:moveTo>
                  <a:lnTo>
                    <a:pt x="17830" y="0"/>
                  </a:lnTo>
                  <a:cubicBezTo>
                    <a:pt x="19160" y="1837"/>
                    <a:pt x="20015" y="4117"/>
                    <a:pt x="20015" y="6746"/>
                  </a:cubicBezTo>
                  <a:cubicBezTo>
                    <a:pt x="20015" y="13713"/>
                    <a:pt x="15043" y="19191"/>
                    <a:pt x="7823" y="19191"/>
                  </a:cubicBezTo>
                  <a:cubicBezTo>
                    <a:pt x="4973" y="19191"/>
                    <a:pt x="2217" y="18336"/>
                    <a:pt x="1" y="16690"/>
                  </a:cubicBezTo>
                  <a:lnTo>
                    <a:pt x="1" y="16690"/>
                  </a:lnTo>
                  <a:cubicBezTo>
                    <a:pt x="2344" y="19920"/>
                    <a:pt x="6271" y="21693"/>
                    <a:pt x="10325" y="21693"/>
                  </a:cubicBezTo>
                  <a:cubicBezTo>
                    <a:pt x="17545" y="21693"/>
                    <a:pt x="22517" y="16214"/>
                    <a:pt x="22517" y="9247"/>
                  </a:cubicBezTo>
                  <a:cubicBezTo>
                    <a:pt x="22517" y="5257"/>
                    <a:pt x="20586" y="2090"/>
                    <a:pt x="17830" y="0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64" name="Google Shape;1628;p42"/>
            <p:cNvSpPr/>
            <p:nvPr/>
          </p:nvSpPr>
          <p:spPr>
            <a:xfrm>
              <a:off x="566311" y="1716258"/>
              <a:ext cx="643512" cy="618978"/>
            </a:xfrm>
            <a:custGeom>
              <a:avLst/>
              <a:gdLst/>
              <a:ahLst/>
              <a:cxnLst/>
              <a:rect l="l" t="t" r="r" b="b"/>
              <a:pathLst>
                <a:path w="25684" h="25711" extrusionOk="0">
                  <a:moveTo>
                    <a:pt x="12469" y="1792"/>
                  </a:moveTo>
                  <a:cubicBezTo>
                    <a:pt x="13238" y="1792"/>
                    <a:pt x="14006" y="1866"/>
                    <a:pt x="14758" y="2011"/>
                  </a:cubicBezTo>
                  <a:lnTo>
                    <a:pt x="15867" y="2265"/>
                  </a:lnTo>
                  <a:cubicBezTo>
                    <a:pt x="16247" y="2391"/>
                    <a:pt x="16595" y="2486"/>
                    <a:pt x="16943" y="2613"/>
                  </a:cubicBezTo>
                  <a:cubicBezTo>
                    <a:pt x="17292" y="2740"/>
                    <a:pt x="17672" y="2866"/>
                    <a:pt x="18020" y="3025"/>
                  </a:cubicBezTo>
                  <a:cubicBezTo>
                    <a:pt x="18368" y="3151"/>
                    <a:pt x="18717" y="3310"/>
                    <a:pt x="19033" y="3500"/>
                  </a:cubicBezTo>
                  <a:cubicBezTo>
                    <a:pt x="20395" y="4228"/>
                    <a:pt x="21567" y="5210"/>
                    <a:pt x="22549" y="6382"/>
                  </a:cubicBezTo>
                  <a:cubicBezTo>
                    <a:pt x="22770" y="6667"/>
                    <a:pt x="23087" y="6920"/>
                    <a:pt x="23340" y="7205"/>
                  </a:cubicBezTo>
                  <a:cubicBezTo>
                    <a:pt x="23562" y="7522"/>
                    <a:pt x="23816" y="7838"/>
                    <a:pt x="23974" y="8187"/>
                  </a:cubicBezTo>
                  <a:cubicBezTo>
                    <a:pt x="24132" y="8535"/>
                    <a:pt x="24322" y="8883"/>
                    <a:pt x="24481" y="9263"/>
                  </a:cubicBezTo>
                  <a:cubicBezTo>
                    <a:pt x="24576" y="9643"/>
                    <a:pt x="24734" y="9992"/>
                    <a:pt x="24829" y="10372"/>
                  </a:cubicBezTo>
                  <a:lnTo>
                    <a:pt x="25051" y="11544"/>
                  </a:lnTo>
                  <a:cubicBezTo>
                    <a:pt x="25082" y="11924"/>
                    <a:pt x="25114" y="12335"/>
                    <a:pt x="25114" y="12715"/>
                  </a:cubicBezTo>
                  <a:cubicBezTo>
                    <a:pt x="25146" y="13127"/>
                    <a:pt x="25082" y="13507"/>
                    <a:pt x="25051" y="13919"/>
                  </a:cubicBezTo>
                  <a:cubicBezTo>
                    <a:pt x="25019" y="14299"/>
                    <a:pt x="24956" y="14679"/>
                    <a:pt x="24892" y="15090"/>
                  </a:cubicBezTo>
                  <a:cubicBezTo>
                    <a:pt x="24639" y="16642"/>
                    <a:pt x="24101" y="18131"/>
                    <a:pt x="23277" y="19492"/>
                  </a:cubicBezTo>
                  <a:cubicBezTo>
                    <a:pt x="22454" y="20823"/>
                    <a:pt x="21345" y="21994"/>
                    <a:pt x="20079" y="22881"/>
                  </a:cubicBezTo>
                  <a:cubicBezTo>
                    <a:pt x="18780" y="23768"/>
                    <a:pt x="17292" y="24369"/>
                    <a:pt x="15740" y="24654"/>
                  </a:cubicBezTo>
                  <a:cubicBezTo>
                    <a:pt x="14957" y="24801"/>
                    <a:pt x="14150" y="24872"/>
                    <a:pt x="13343" y="24872"/>
                  </a:cubicBezTo>
                  <a:cubicBezTo>
                    <a:pt x="12582" y="24872"/>
                    <a:pt x="11822" y="24809"/>
                    <a:pt x="11085" y="24686"/>
                  </a:cubicBezTo>
                  <a:cubicBezTo>
                    <a:pt x="10673" y="24623"/>
                    <a:pt x="10324" y="24528"/>
                    <a:pt x="9913" y="24433"/>
                  </a:cubicBezTo>
                  <a:cubicBezTo>
                    <a:pt x="9533" y="24338"/>
                    <a:pt x="9184" y="24211"/>
                    <a:pt x="8804" y="24084"/>
                  </a:cubicBezTo>
                  <a:cubicBezTo>
                    <a:pt x="8108" y="23799"/>
                    <a:pt x="7316" y="23578"/>
                    <a:pt x="6746" y="23008"/>
                  </a:cubicBezTo>
                  <a:cubicBezTo>
                    <a:pt x="5447" y="22121"/>
                    <a:pt x="4434" y="21013"/>
                    <a:pt x="3357" y="19936"/>
                  </a:cubicBezTo>
                  <a:cubicBezTo>
                    <a:pt x="2407" y="18732"/>
                    <a:pt x="1742" y="17276"/>
                    <a:pt x="1425" y="15756"/>
                  </a:cubicBezTo>
                  <a:lnTo>
                    <a:pt x="1235" y="14615"/>
                  </a:lnTo>
                  <a:lnTo>
                    <a:pt x="1172" y="13444"/>
                  </a:lnTo>
                  <a:cubicBezTo>
                    <a:pt x="1172" y="12652"/>
                    <a:pt x="1235" y="11860"/>
                    <a:pt x="1267" y="11069"/>
                  </a:cubicBezTo>
                  <a:lnTo>
                    <a:pt x="1616" y="11100"/>
                  </a:lnTo>
                  <a:cubicBezTo>
                    <a:pt x="1679" y="10372"/>
                    <a:pt x="1869" y="9643"/>
                    <a:pt x="2122" y="8947"/>
                  </a:cubicBezTo>
                  <a:cubicBezTo>
                    <a:pt x="2249" y="8598"/>
                    <a:pt x="2376" y="8250"/>
                    <a:pt x="2566" y="7933"/>
                  </a:cubicBezTo>
                  <a:cubicBezTo>
                    <a:pt x="2724" y="7585"/>
                    <a:pt x="2914" y="7237"/>
                    <a:pt x="3104" y="6920"/>
                  </a:cubicBezTo>
                  <a:cubicBezTo>
                    <a:pt x="3294" y="6603"/>
                    <a:pt x="3516" y="6287"/>
                    <a:pt x="3737" y="6001"/>
                  </a:cubicBezTo>
                  <a:cubicBezTo>
                    <a:pt x="3991" y="5716"/>
                    <a:pt x="4181" y="5400"/>
                    <a:pt x="4466" y="5146"/>
                  </a:cubicBezTo>
                  <a:cubicBezTo>
                    <a:pt x="4972" y="4576"/>
                    <a:pt x="5542" y="4101"/>
                    <a:pt x="6144" y="3690"/>
                  </a:cubicBezTo>
                  <a:cubicBezTo>
                    <a:pt x="7984" y="2416"/>
                    <a:pt x="10227" y="1792"/>
                    <a:pt x="12469" y="1792"/>
                  </a:cubicBezTo>
                  <a:close/>
                  <a:moveTo>
                    <a:pt x="12510" y="0"/>
                  </a:moveTo>
                  <a:cubicBezTo>
                    <a:pt x="11647" y="0"/>
                    <a:pt x="10784" y="79"/>
                    <a:pt x="9944" y="238"/>
                  </a:cubicBezTo>
                  <a:cubicBezTo>
                    <a:pt x="9089" y="428"/>
                    <a:pt x="8234" y="649"/>
                    <a:pt x="7443" y="998"/>
                  </a:cubicBezTo>
                  <a:cubicBezTo>
                    <a:pt x="6651" y="1346"/>
                    <a:pt x="5859" y="1758"/>
                    <a:pt x="5162" y="2265"/>
                  </a:cubicBezTo>
                  <a:cubicBezTo>
                    <a:pt x="4434" y="2771"/>
                    <a:pt x="3769" y="3310"/>
                    <a:pt x="3199" y="3975"/>
                  </a:cubicBezTo>
                  <a:cubicBezTo>
                    <a:pt x="2882" y="4291"/>
                    <a:pt x="2629" y="4640"/>
                    <a:pt x="2376" y="4988"/>
                  </a:cubicBezTo>
                  <a:cubicBezTo>
                    <a:pt x="2122" y="5336"/>
                    <a:pt x="1869" y="5685"/>
                    <a:pt x="1647" y="6065"/>
                  </a:cubicBezTo>
                  <a:cubicBezTo>
                    <a:pt x="1425" y="6445"/>
                    <a:pt x="1235" y="6793"/>
                    <a:pt x="1045" y="7205"/>
                  </a:cubicBezTo>
                  <a:cubicBezTo>
                    <a:pt x="855" y="7585"/>
                    <a:pt x="697" y="7965"/>
                    <a:pt x="539" y="8408"/>
                  </a:cubicBezTo>
                  <a:cubicBezTo>
                    <a:pt x="254" y="9232"/>
                    <a:pt x="64" y="10087"/>
                    <a:pt x="0" y="10974"/>
                  </a:cubicBezTo>
                  <a:lnTo>
                    <a:pt x="349" y="11005"/>
                  </a:lnTo>
                  <a:cubicBezTo>
                    <a:pt x="317" y="11829"/>
                    <a:pt x="254" y="12652"/>
                    <a:pt x="254" y="13475"/>
                  </a:cubicBezTo>
                  <a:lnTo>
                    <a:pt x="317" y="14710"/>
                  </a:lnTo>
                  <a:lnTo>
                    <a:pt x="475" y="15977"/>
                  </a:lnTo>
                  <a:cubicBezTo>
                    <a:pt x="792" y="17624"/>
                    <a:pt x="1425" y="19239"/>
                    <a:pt x="2407" y="20633"/>
                  </a:cubicBezTo>
                  <a:cubicBezTo>
                    <a:pt x="3199" y="22153"/>
                    <a:pt x="4656" y="23261"/>
                    <a:pt x="6144" y="24021"/>
                  </a:cubicBezTo>
                  <a:cubicBezTo>
                    <a:pt x="6366" y="24116"/>
                    <a:pt x="6588" y="24116"/>
                    <a:pt x="6778" y="24211"/>
                  </a:cubicBezTo>
                  <a:cubicBezTo>
                    <a:pt x="6968" y="24274"/>
                    <a:pt x="7158" y="24401"/>
                    <a:pt x="7348" y="24496"/>
                  </a:cubicBezTo>
                  <a:cubicBezTo>
                    <a:pt x="7728" y="24623"/>
                    <a:pt x="8108" y="24813"/>
                    <a:pt x="8519" y="24939"/>
                  </a:cubicBezTo>
                  <a:cubicBezTo>
                    <a:pt x="8899" y="25066"/>
                    <a:pt x="9311" y="25193"/>
                    <a:pt x="9691" y="25288"/>
                  </a:cubicBezTo>
                  <a:cubicBezTo>
                    <a:pt x="10103" y="25383"/>
                    <a:pt x="10515" y="25478"/>
                    <a:pt x="10926" y="25541"/>
                  </a:cubicBezTo>
                  <a:cubicBezTo>
                    <a:pt x="11658" y="25654"/>
                    <a:pt x="12403" y="25710"/>
                    <a:pt x="13146" y="25710"/>
                  </a:cubicBezTo>
                  <a:cubicBezTo>
                    <a:pt x="14074" y="25710"/>
                    <a:pt x="15001" y="25622"/>
                    <a:pt x="15898" y="25446"/>
                  </a:cubicBezTo>
                  <a:cubicBezTo>
                    <a:pt x="17545" y="25098"/>
                    <a:pt x="19128" y="24433"/>
                    <a:pt x="20490" y="23483"/>
                  </a:cubicBezTo>
                  <a:cubicBezTo>
                    <a:pt x="21852" y="22533"/>
                    <a:pt x="22992" y="21266"/>
                    <a:pt x="23847" y="19841"/>
                  </a:cubicBezTo>
                  <a:cubicBezTo>
                    <a:pt x="24702" y="18416"/>
                    <a:pt x="25272" y="16832"/>
                    <a:pt x="25526" y="15185"/>
                  </a:cubicBezTo>
                  <a:cubicBezTo>
                    <a:pt x="25557" y="14774"/>
                    <a:pt x="25652" y="14362"/>
                    <a:pt x="25652" y="13950"/>
                  </a:cubicBezTo>
                  <a:cubicBezTo>
                    <a:pt x="25652" y="13539"/>
                    <a:pt x="25684" y="13127"/>
                    <a:pt x="25684" y="12715"/>
                  </a:cubicBezTo>
                  <a:cubicBezTo>
                    <a:pt x="25652" y="12304"/>
                    <a:pt x="25621" y="11892"/>
                    <a:pt x="25621" y="11480"/>
                  </a:cubicBezTo>
                  <a:lnTo>
                    <a:pt x="25431" y="10245"/>
                  </a:lnTo>
                  <a:cubicBezTo>
                    <a:pt x="25336" y="9833"/>
                    <a:pt x="25241" y="9453"/>
                    <a:pt x="25146" y="9042"/>
                  </a:cubicBezTo>
                  <a:cubicBezTo>
                    <a:pt x="25019" y="8630"/>
                    <a:pt x="24861" y="8250"/>
                    <a:pt x="24702" y="7838"/>
                  </a:cubicBezTo>
                  <a:cubicBezTo>
                    <a:pt x="24639" y="7648"/>
                    <a:pt x="24544" y="7458"/>
                    <a:pt x="24449" y="7268"/>
                  </a:cubicBezTo>
                  <a:lnTo>
                    <a:pt x="24227" y="6698"/>
                  </a:lnTo>
                  <a:cubicBezTo>
                    <a:pt x="24132" y="6477"/>
                    <a:pt x="24037" y="6318"/>
                    <a:pt x="23942" y="6096"/>
                  </a:cubicBezTo>
                  <a:cubicBezTo>
                    <a:pt x="23847" y="5906"/>
                    <a:pt x="23752" y="5716"/>
                    <a:pt x="23626" y="5526"/>
                  </a:cubicBezTo>
                  <a:cubicBezTo>
                    <a:pt x="22644" y="4133"/>
                    <a:pt x="21314" y="2961"/>
                    <a:pt x="19857" y="2075"/>
                  </a:cubicBezTo>
                  <a:lnTo>
                    <a:pt x="18748" y="1441"/>
                  </a:lnTo>
                  <a:cubicBezTo>
                    <a:pt x="18368" y="1219"/>
                    <a:pt x="17957" y="1061"/>
                    <a:pt x="17577" y="903"/>
                  </a:cubicBezTo>
                  <a:cubicBezTo>
                    <a:pt x="17165" y="744"/>
                    <a:pt x="16753" y="649"/>
                    <a:pt x="16342" y="491"/>
                  </a:cubicBezTo>
                  <a:cubicBezTo>
                    <a:pt x="15930" y="396"/>
                    <a:pt x="15518" y="333"/>
                    <a:pt x="15075" y="238"/>
                  </a:cubicBezTo>
                  <a:cubicBezTo>
                    <a:pt x="14236" y="79"/>
                    <a:pt x="13373" y="0"/>
                    <a:pt x="12510" y="0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6" name="Dikdörtgen 5"/>
            <p:cNvSpPr/>
            <p:nvPr/>
          </p:nvSpPr>
          <p:spPr>
            <a:xfrm>
              <a:off x="885407" y="2862417"/>
              <a:ext cx="2691695" cy="82959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lvl="0" algn="ctr"/>
              <a:r>
                <a:rPr lang="sv-SE" sz="2400" dirty="0">
                  <a:solidFill>
                    <a:prstClr val="black"/>
                  </a:solidFill>
                </a:rPr>
                <a:t>Kur’an’ın 1. suresidir.</a:t>
              </a:r>
            </a:p>
            <a:p>
              <a:pPr lvl="0" algn="ctr"/>
              <a:r>
                <a:rPr lang="sv-SE" sz="2400" dirty="0">
                  <a:solidFill>
                    <a:prstClr val="black"/>
                  </a:solidFill>
                </a:rPr>
                <a:t>İlk </a:t>
              </a:r>
              <a:r>
                <a:rPr lang="tr-TR" sz="2400" dirty="0">
                  <a:solidFill>
                    <a:prstClr val="black"/>
                  </a:solidFill>
                </a:rPr>
                <a:t>s</a:t>
              </a:r>
              <a:r>
                <a:rPr lang="sv-SE" sz="2400" dirty="0">
                  <a:solidFill>
                    <a:prstClr val="black"/>
                  </a:solidFill>
                </a:rPr>
                <a:t>uresi ve</a:t>
              </a:r>
              <a:r>
                <a:rPr lang="tr-TR" sz="2400" dirty="0">
                  <a:solidFill>
                    <a:prstClr val="black"/>
                  </a:solidFill>
                </a:rPr>
                <a:t> </a:t>
              </a:r>
              <a:r>
                <a:rPr lang="sv-SE" sz="2400" dirty="0">
                  <a:solidFill>
                    <a:prstClr val="black"/>
                  </a:solidFill>
                </a:rPr>
                <a:t>7 ayettir.</a:t>
              </a:r>
            </a:p>
          </p:txBody>
        </p:sp>
      </p:grpSp>
      <p:grpSp>
        <p:nvGrpSpPr>
          <p:cNvPr id="25" name="Grup 24"/>
          <p:cNvGrpSpPr/>
          <p:nvPr/>
        </p:nvGrpSpPr>
        <p:grpSpPr>
          <a:xfrm>
            <a:off x="8410328" y="1893854"/>
            <a:ext cx="3673545" cy="4078321"/>
            <a:chOff x="8358188" y="1893854"/>
            <a:chExt cx="3630312" cy="4121184"/>
          </a:xfrm>
        </p:grpSpPr>
        <p:sp>
          <p:nvSpPr>
            <p:cNvPr id="225" name="Google Shape;1589;p42"/>
            <p:cNvSpPr/>
            <p:nvPr/>
          </p:nvSpPr>
          <p:spPr>
            <a:xfrm>
              <a:off x="8358188" y="2363370"/>
              <a:ext cx="3630312" cy="3601329"/>
            </a:xfrm>
            <a:custGeom>
              <a:avLst/>
              <a:gdLst/>
              <a:ahLst/>
              <a:cxnLst/>
              <a:rect l="l" t="t" r="r" b="b"/>
              <a:pathLst>
                <a:path w="66949" h="73761" extrusionOk="0">
                  <a:moveTo>
                    <a:pt x="21155" y="1"/>
                  </a:moveTo>
                  <a:cubicBezTo>
                    <a:pt x="14916" y="1"/>
                    <a:pt x="10166" y="254"/>
                    <a:pt x="9058" y="856"/>
                  </a:cubicBezTo>
                  <a:cubicBezTo>
                    <a:pt x="6778" y="2059"/>
                    <a:pt x="5701" y="5068"/>
                    <a:pt x="5416" y="7506"/>
                  </a:cubicBezTo>
                  <a:cubicBezTo>
                    <a:pt x="5226" y="9501"/>
                    <a:pt x="5099" y="14283"/>
                    <a:pt x="5099" y="20142"/>
                  </a:cubicBezTo>
                  <a:cubicBezTo>
                    <a:pt x="5099" y="66125"/>
                    <a:pt x="0" y="73726"/>
                    <a:pt x="55643" y="73726"/>
                  </a:cubicBezTo>
                  <a:cubicBezTo>
                    <a:pt x="56072" y="73726"/>
                    <a:pt x="56626" y="73760"/>
                    <a:pt x="57246" y="73760"/>
                  </a:cubicBezTo>
                  <a:cubicBezTo>
                    <a:pt x="60099" y="73760"/>
                    <a:pt x="64352" y="73034"/>
                    <a:pt x="64352" y="64890"/>
                  </a:cubicBezTo>
                  <a:cubicBezTo>
                    <a:pt x="64352" y="60045"/>
                    <a:pt x="62990" y="57416"/>
                    <a:pt x="62990" y="50038"/>
                  </a:cubicBezTo>
                  <a:cubicBezTo>
                    <a:pt x="62990" y="43577"/>
                    <a:pt x="64067" y="9248"/>
                    <a:pt x="64067" y="8868"/>
                  </a:cubicBezTo>
                  <a:cubicBezTo>
                    <a:pt x="64067" y="3674"/>
                    <a:pt x="66949" y="1"/>
                    <a:pt x="21155" y="1"/>
                  </a:cubicBezTo>
                  <a:close/>
                </a:path>
              </a:pathLst>
            </a:custGeom>
            <a:solidFill>
              <a:schemeClr val="accent2">
                <a:lumMod val="40000"/>
                <a:lumOff val="60000"/>
              </a:scheme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26" name="Google Shape;1590;p42"/>
            <p:cNvSpPr/>
            <p:nvPr/>
          </p:nvSpPr>
          <p:spPr>
            <a:xfrm>
              <a:off x="9329737" y="2644725"/>
              <a:ext cx="2515259" cy="3341738"/>
            </a:xfrm>
            <a:custGeom>
              <a:avLst/>
              <a:gdLst/>
              <a:ahLst/>
              <a:cxnLst/>
              <a:rect l="l" t="t" r="r" b="b"/>
              <a:pathLst>
                <a:path w="57575" h="71221" extrusionOk="0">
                  <a:moveTo>
                    <a:pt x="53869" y="0"/>
                  </a:moveTo>
                  <a:lnTo>
                    <a:pt x="53869" y="0"/>
                  </a:lnTo>
                  <a:cubicBezTo>
                    <a:pt x="54059" y="887"/>
                    <a:pt x="53933" y="1869"/>
                    <a:pt x="53933" y="2914"/>
                  </a:cubicBezTo>
                  <a:cubicBezTo>
                    <a:pt x="53933" y="3294"/>
                    <a:pt x="52856" y="37623"/>
                    <a:pt x="52856" y="44083"/>
                  </a:cubicBezTo>
                  <a:cubicBezTo>
                    <a:pt x="52856" y="51462"/>
                    <a:pt x="54218" y="54091"/>
                    <a:pt x="54218" y="58936"/>
                  </a:cubicBezTo>
                  <a:cubicBezTo>
                    <a:pt x="54218" y="67049"/>
                    <a:pt x="49969" y="67775"/>
                    <a:pt x="47117" y="67775"/>
                  </a:cubicBezTo>
                  <a:cubicBezTo>
                    <a:pt x="46495" y="67775"/>
                    <a:pt x="45939" y="67740"/>
                    <a:pt x="45509" y="67740"/>
                  </a:cubicBezTo>
                  <a:cubicBezTo>
                    <a:pt x="31911" y="67740"/>
                    <a:pt x="21944" y="68188"/>
                    <a:pt x="14640" y="68188"/>
                  </a:cubicBezTo>
                  <a:cubicBezTo>
                    <a:pt x="7535" y="68188"/>
                    <a:pt x="2952" y="67764"/>
                    <a:pt x="0" y="66093"/>
                  </a:cubicBezTo>
                  <a:lnTo>
                    <a:pt x="0" y="66093"/>
                  </a:lnTo>
                  <a:cubicBezTo>
                    <a:pt x="2393" y="70341"/>
                    <a:pt x="7404" y="71221"/>
                    <a:pt x="17723" y="71221"/>
                  </a:cubicBezTo>
                  <a:cubicBezTo>
                    <a:pt x="25024" y="71221"/>
                    <a:pt x="34982" y="70780"/>
                    <a:pt x="48549" y="70780"/>
                  </a:cubicBezTo>
                  <a:cubicBezTo>
                    <a:pt x="48980" y="70780"/>
                    <a:pt x="49535" y="70815"/>
                    <a:pt x="50157" y="70815"/>
                  </a:cubicBezTo>
                  <a:cubicBezTo>
                    <a:pt x="53009" y="70815"/>
                    <a:pt x="57258" y="70089"/>
                    <a:pt x="57258" y="61976"/>
                  </a:cubicBezTo>
                  <a:cubicBezTo>
                    <a:pt x="57258" y="57131"/>
                    <a:pt x="55896" y="54502"/>
                    <a:pt x="55896" y="47124"/>
                  </a:cubicBezTo>
                  <a:cubicBezTo>
                    <a:pt x="55896" y="40663"/>
                    <a:pt x="56973" y="6302"/>
                    <a:pt x="56973" y="5954"/>
                  </a:cubicBezTo>
                  <a:cubicBezTo>
                    <a:pt x="56973" y="3579"/>
                    <a:pt x="57575" y="1520"/>
                    <a:pt x="53869" y="0"/>
                  </a:cubicBezTo>
                  <a:close/>
                </a:path>
              </a:pathLst>
            </a:custGeom>
            <a:solidFill>
              <a:schemeClr val="accent2">
                <a:lumMod val="60000"/>
                <a:lumOff val="40000"/>
              </a:scheme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27" name="Google Shape;1591;p42"/>
            <p:cNvSpPr/>
            <p:nvPr/>
          </p:nvSpPr>
          <p:spPr>
            <a:xfrm>
              <a:off x="8543924" y="2335235"/>
              <a:ext cx="3357343" cy="3679803"/>
            </a:xfrm>
            <a:custGeom>
              <a:avLst/>
              <a:gdLst/>
              <a:ahLst/>
              <a:cxnLst/>
              <a:rect l="l" t="t" r="r" b="b"/>
              <a:pathLst>
                <a:path w="61344" h="76996" extrusionOk="0">
                  <a:moveTo>
                    <a:pt x="18084" y="3167"/>
                  </a:moveTo>
                  <a:cubicBezTo>
                    <a:pt x="20364" y="3167"/>
                    <a:pt x="22676" y="3199"/>
                    <a:pt x="24956" y="3199"/>
                  </a:cubicBezTo>
                  <a:cubicBezTo>
                    <a:pt x="29516" y="3262"/>
                    <a:pt x="34108" y="3357"/>
                    <a:pt x="38668" y="3547"/>
                  </a:cubicBezTo>
                  <a:cubicBezTo>
                    <a:pt x="40917" y="3642"/>
                    <a:pt x="43197" y="3800"/>
                    <a:pt x="45477" y="3959"/>
                  </a:cubicBezTo>
                  <a:cubicBezTo>
                    <a:pt x="47726" y="4181"/>
                    <a:pt x="49974" y="4402"/>
                    <a:pt x="52159" y="4687"/>
                  </a:cubicBezTo>
                  <a:cubicBezTo>
                    <a:pt x="52729" y="4751"/>
                    <a:pt x="53268" y="4782"/>
                    <a:pt x="53838" y="4846"/>
                  </a:cubicBezTo>
                  <a:lnTo>
                    <a:pt x="54630" y="4972"/>
                  </a:lnTo>
                  <a:cubicBezTo>
                    <a:pt x="54915" y="5004"/>
                    <a:pt x="55168" y="5067"/>
                    <a:pt x="55453" y="5099"/>
                  </a:cubicBezTo>
                  <a:cubicBezTo>
                    <a:pt x="56498" y="5352"/>
                    <a:pt x="57512" y="5701"/>
                    <a:pt x="58303" y="6176"/>
                  </a:cubicBezTo>
                  <a:cubicBezTo>
                    <a:pt x="58683" y="6429"/>
                    <a:pt x="59000" y="6714"/>
                    <a:pt x="59190" y="7062"/>
                  </a:cubicBezTo>
                  <a:cubicBezTo>
                    <a:pt x="59380" y="7442"/>
                    <a:pt x="59475" y="7854"/>
                    <a:pt x="59507" y="8361"/>
                  </a:cubicBezTo>
                  <a:cubicBezTo>
                    <a:pt x="59538" y="8868"/>
                    <a:pt x="59507" y="9438"/>
                    <a:pt x="59507" y="10008"/>
                  </a:cubicBezTo>
                  <a:lnTo>
                    <a:pt x="59507" y="10451"/>
                  </a:lnTo>
                  <a:lnTo>
                    <a:pt x="59507" y="10863"/>
                  </a:lnTo>
                  <a:lnTo>
                    <a:pt x="59475" y="11718"/>
                  </a:lnTo>
                  <a:lnTo>
                    <a:pt x="58905" y="25462"/>
                  </a:lnTo>
                  <a:cubicBezTo>
                    <a:pt x="58810" y="27774"/>
                    <a:pt x="58747" y="30054"/>
                    <a:pt x="58683" y="32366"/>
                  </a:cubicBezTo>
                  <a:cubicBezTo>
                    <a:pt x="58620" y="34646"/>
                    <a:pt x="58557" y="51969"/>
                    <a:pt x="58683" y="54312"/>
                  </a:cubicBezTo>
                  <a:cubicBezTo>
                    <a:pt x="58810" y="56624"/>
                    <a:pt x="59127" y="58936"/>
                    <a:pt x="59507" y="61185"/>
                  </a:cubicBezTo>
                  <a:cubicBezTo>
                    <a:pt x="59887" y="63433"/>
                    <a:pt x="60172" y="65681"/>
                    <a:pt x="59982" y="67898"/>
                  </a:cubicBezTo>
                  <a:cubicBezTo>
                    <a:pt x="59887" y="69007"/>
                    <a:pt x="59665" y="70083"/>
                    <a:pt x="59253" y="71065"/>
                  </a:cubicBezTo>
                  <a:cubicBezTo>
                    <a:pt x="59063" y="71540"/>
                    <a:pt x="58810" y="71984"/>
                    <a:pt x="58493" y="72364"/>
                  </a:cubicBezTo>
                  <a:cubicBezTo>
                    <a:pt x="58177" y="72775"/>
                    <a:pt x="57797" y="73060"/>
                    <a:pt x="57385" y="73282"/>
                  </a:cubicBezTo>
                  <a:cubicBezTo>
                    <a:pt x="56561" y="73694"/>
                    <a:pt x="55706" y="74010"/>
                    <a:pt x="54693" y="74105"/>
                  </a:cubicBezTo>
                  <a:cubicBezTo>
                    <a:pt x="54396" y="74143"/>
                    <a:pt x="54088" y="74158"/>
                    <a:pt x="53776" y="74158"/>
                  </a:cubicBezTo>
                  <a:cubicBezTo>
                    <a:pt x="53556" y="74158"/>
                    <a:pt x="53333" y="74150"/>
                    <a:pt x="53110" y="74137"/>
                  </a:cubicBezTo>
                  <a:lnTo>
                    <a:pt x="52254" y="74105"/>
                  </a:lnTo>
                  <a:lnTo>
                    <a:pt x="51368" y="74105"/>
                  </a:lnTo>
                  <a:cubicBezTo>
                    <a:pt x="49687" y="74094"/>
                    <a:pt x="48006" y="74086"/>
                    <a:pt x="46325" y="74086"/>
                  </a:cubicBezTo>
                  <a:cubicBezTo>
                    <a:pt x="43414" y="74086"/>
                    <a:pt x="40503" y="74109"/>
                    <a:pt x="37592" y="74169"/>
                  </a:cubicBezTo>
                  <a:cubicBezTo>
                    <a:pt x="33000" y="74232"/>
                    <a:pt x="28408" y="74359"/>
                    <a:pt x="23816" y="74422"/>
                  </a:cubicBezTo>
                  <a:cubicBezTo>
                    <a:pt x="21535" y="74422"/>
                    <a:pt x="19255" y="74485"/>
                    <a:pt x="17007" y="74549"/>
                  </a:cubicBezTo>
                  <a:cubicBezTo>
                    <a:pt x="16627" y="74549"/>
                    <a:pt x="16247" y="74563"/>
                    <a:pt x="15867" y="74563"/>
                  </a:cubicBezTo>
                  <a:cubicBezTo>
                    <a:pt x="15677" y="74563"/>
                    <a:pt x="15487" y="74559"/>
                    <a:pt x="15297" y="74549"/>
                  </a:cubicBezTo>
                  <a:cubicBezTo>
                    <a:pt x="14727" y="74517"/>
                    <a:pt x="14188" y="74485"/>
                    <a:pt x="13618" y="74422"/>
                  </a:cubicBezTo>
                  <a:cubicBezTo>
                    <a:pt x="12510" y="74327"/>
                    <a:pt x="11401" y="74200"/>
                    <a:pt x="10325" y="73979"/>
                  </a:cubicBezTo>
                  <a:cubicBezTo>
                    <a:pt x="8203" y="73535"/>
                    <a:pt x="6208" y="72712"/>
                    <a:pt x="4941" y="71129"/>
                  </a:cubicBezTo>
                  <a:cubicBezTo>
                    <a:pt x="4307" y="70337"/>
                    <a:pt x="3832" y="69418"/>
                    <a:pt x="3484" y="68405"/>
                  </a:cubicBezTo>
                  <a:cubicBezTo>
                    <a:pt x="3136" y="67392"/>
                    <a:pt x="2914" y="66315"/>
                    <a:pt x="2724" y="65206"/>
                  </a:cubicBezTo>
                  <a:cubicBezTo>
                    <a:pt x="2407" y="63021"/>
                    <a:pt x="2312" y="60741"/>
                    <a:pt x="2249" y="58461"/>
                  </a:cubicBezTo>
                  <a:cubicBezTo>
                    <a:pt x="2186" y="56181"/>
                    <a:pt x="2186" y="53901"/>
                    <a:pt x="2217" y="51621"/>
                  </a:cubicBezTo>
                  <a:lnTo>
                    <a:pt x="2249" y="29737"/>
                  </a:lnTo>
                  <a:lnTo>
                    <a:pt x="2281" y="26285"/>
                  </a:lnTo>
                  <a:lnTo>
                    <a:pt x="2281" y="25430"/>
                  </a:lnTo>
                  <a:cubicBezTo>
                    <a:pt x="2281" y="25145"/>
                    <a:pt x="2407" y="24860"/>
                    <a:pt x="2439" y="24575"/>
                  </a:cubicBezTo>
                  <a:cubicBezTo>
                    <a:pt x="2502" y="24005"/>
                    <a:pt x="2566" y="23435"/>
                    <a:pt x="2629" y="22833"/>
                  </a:cubicBezTo>
                  <a:cubicBezTo>
                    <a:pt x="2692" y="22263"/>
                    <a:pt x="2724" y="21693"/>
                    <a:pt x="2724" y="21123"/>
                  </a:cubicBezTo>
                  <a:lnTo>
                    <a:pt x="2787" y="19413"/>
                  </a:lnTo>
                  <a:lnTo>
                    <a:pt x="2882" y="15993"/>
                  </a:lnTo>
                  <a:cubicBezTo>
                    <a:pt x="2914" y="14853"/>
                    <a:pt x="2946" y="13713"/>
                    <a:pt x="2977" y="12573"/>
                  </a:cubicBezTo>
                  <a:cubicBezTo>
                    <a:pt x="3041" y="11433"/>
                    <a:pt x="3072" y="10293"/>
                    <a:pt x="3072" y="9216"/>
                  </a:cubicBezTo>
                  <a:lnTo>
                    <a:pt x="3326" y="9248"/>
                  </a:lnTo>
                  <a:cubicBezTo>
                    <a:pt x="3452" y="8266"/>
                    <a:pt x="3674" y="7284"/>
                    <a:pt x="4054" y="6397"/>
                  </a:cubicBezTo>
                  <a:cubicBezTo>
                    <a:pt x="4434" y="5511"/>
                    <a:pt x="4941" y="4719"/>
                    <a:pt x="5574" y="4212"/>
                  </a:cubicBezTo>
                  <a:cubicBezTo>
                    <a:pt x="5733" y="4086"/>
                    <a:pt x="5891" y="3959"/>
                    <a:pt x="6049" y="3864"/>
                  </a:cubicBezTo>
                  <a:cubicBezTo>
                    <a:pt x="6176" y="3800"/>
                    <a:pt x="6144" y="3832"/>
                    <a:pt x="6176" y="3800"/>
                  </a:cubicBezTo>
                  <a:cubicBezTo>
                    <a:pt x="6271" y="3800"/>
                    <a:pt x="6334" y="3769"/>
                    <a:pt x="6429" y="3737"/>
                  </a:cubicBezTo>
                  <a:cubicBezTo>
                    <a:pt x="6873" y="3642"/>
                    <a:pt x="7411" y="3579"/>
                    <a:pt x="7949" y="3515"/>
                  </a:cubicBezTo>
                  <a:cubicBezTo>
                    <a:pt x="9026" y="3389"/>
                    <a:pt x="10135" y="3325"/>
                    <a:pt x="11275" y="3294"/>
                  </a:cubicBezTo>
                  <a:cubicBezTo>
                    <a:pt x="13523" y="3199"/>
                    <a:pt x="15803" y="3167"/>
                    <a:pt x="18084" y="3167"/>
                  </a:cubicBezTo>
                  <a:close/>
                  <a:moveTo>
                    <a:pt x="18084" y="0"/>
                  </a:moveTo>
                  <a:cubicBezTo>
                    <a:pt x="15772" y="0"/>
                    <a:pt x="13460" y="0"/>
                    <a:pt x="11116" y="95"/>
                  </a:cubicBezTo>
                  <a:cubicBezTo>
                    <a:pt x="9976" y="159"/>
                    <a:pt x="8804" y="222"/>
                    <a:pt x="7601" y="349"/>
                  </a:cubicBezTo>
                  <a:cubicBezTo>
                    <a:pt x="6999" y="412"/>
                    <a:pt x="6398" y="507"/>
                    <a:pt x="5701" y="665"/>
                  </a:cubicBezTo>
                  <a:cubicBezTo>
                    <a:pt x="5543" y="697"/>
                    <a:pt x="5321" y="760"/>
                    <a:pt x="5131" y="824"/>
                  </a:cubicBezTo>
                  <a:cubicBezTo>
                    <a:pt x="4909" y="887"/>
                    <a:pt x="4624" y="1014"/>
                    <a:pt x="4497" y="1109"/>
                  </a:cubicBezTo>
                  <a:cubicBezTo>
                    <a:pt x="4149" y="1299"/>
                    <a:pt x="3832" y="1520"/>
                    <a:pt x="3547" y="1742"/>
                  </a:cubicBezTo>
                  <a:cubicBezTo>
                    <a:pt x="2407" y="2724"/>
                    <a:pt x="1647" y="3927"/>
                    <a:pt x="1141" y="5131"/>
                  </a:cubicBezTo>
                  <a:cubicBezTo>
                    <a:pt x="634" y="6366"/>
                    <a:pt x="317" y="7632"/>
                    <a:pt x="159" y="8899"/>
                  </a:cubicBezTo>
                  <a:lnTo>
                    <a:pt x="412" y="8931"/>
                  </a:lnTo>
                  <a:cubicBezTo>
                    <a:pt x="159" y="10134"/>
                    <a:pt x="127" y="11306"/>
                    <a:pt x="95" y="12446"/>
                  </a:cubicBezTo>
                  <a:cubicBezTo>
                    <a:pt x="64" y="13618"/>
                    <a:pt x="32" y="14758"/>
                    <a:pt x="32" y="15930"/>
                  </a:cubicBezTo>
                  <a:cubicBezTo>
                    <a:pt x="0" y="17070"/>
                    <a:pt x="32" y="18241"/>
                    <a:pt x="64" y="19382"/>
                  </a:cubicBezTo>
                  <a:lnTo>
                    <a:pt x="95" y="21092"/>
                  </a:lnTo>
                  <a:cubicBezTo>
                    <a:pt x="95" y="21693"/>
                    <a:pt x="127" y="22263"/>
                    <a:pt x="190" y="22833"/>
                  </a:cubicBezTo>
                  <a:cubicBezTo>
                    <a:pt x="254" y="23404"/>
                    <a:pt x="285" y="23974"/>
                    <a:pt x="381" y="24544"/>
                  </a:cubicBezTo>
                  <a:cubicBezTo>
                    <a:pt x="412" y="24829"/>
                    <a:pt x="539" y="25114"/>
                    <a:pt x="507" y="25399"/>
                  </a:cubicBezTo>
                  <a:lnTo>
                    <a:pt x="507" y="26254"/>
                  </a:lnTo>
                  <a:lnTo>
                    <a:pt x="476" y="29706"/>
                  </a:lnTo>
                  <a:lnTo>
                    <a:pt x="381" y="51589"/>
                  </a:lnTo>
                  <a:cubicBezTo>
                    <a:pt x="381" y="53901"/>
                    <a:pt x="349" y="56181"/>
                    <a:pt x="412" y="58493"/>
                  </a:cubicBezTo>
                  <a:cubicBezTo>
                    <a:pt x="476" y="60804"/>
                    <a:pt x="571" y="63116"/>
                    <a:pt x="887" y="65460"/>
                  </a:cubicBezTo>
                  <a:cubicBezTo>
                    <a:pt x="1077" y="66632"/>
                    <a:pt x="1299" y="67835"/>
                    <a:pt x="1679" y="68975"/>
                  </a:cubicBezTo>
                  <a:cubicBezTo>
                    <a:pt x="2059" y="70147"/>
                    <a:pt x="2597" y="71319"/>
                    <a:pt x="3421" y="72332"/>
                  </a:cubicBezTo>
                  <a:cubicBezTo>
                    <a:pt x="4244" y="73345"/>
                    <a:pt x="5289" y="74137"/>
                    <a:pt x="6429" y="74707"/>
                  </a:cubicBezTo>
                  <a:cubicBezTo>
                    <a:pt x="7538" y="75277"/>
                    <a:pt x="8709" y="75626"/>
                    <a:pt x="9881" y="75879"/>
                  </a:cubicBezTo>
                  <a:cubicBezTo>
                    <a:pt x="11085" y="76164"/>
                    <a:pt x="12256" y="76322"/>
                    <a:pt x="13428" y="76417"/>
                  </a:cubicBezTo>
                  <a:cubicBezTo>
                    <a:pt x="13998" y="76481"/>
                    <a:pt x="14568" y="76544"/>
                    <a:pt x="15170" y="76576"/>
                  </a:cubicBezTo>
                  <a:cubicBezTo>
                    <a:pt x="15740" y="76607"/>
                    <a:pt x="16342" y="76702"/>
                    <a:pt x="16912" y="76766"/>
                  </a:cubicBezTo>
                  <a:cubicBezTo>
                    <a:pt x="18848" y="76925"/>
                    <a:pt x="20785" y="76995"/>
                    <a:pt x="22722" y="76995"/>
                  </a:cubicBezTo>
                  <a:cubicBezTo>
                    <a:pt x="23097" y="76995"/>
                    <a:pt x="23472" y="76992"/>
                    <a:pt x="23847" y="76987"/>
                  </a:cubicBezTo>
                  <a:cubicBezTo>
                    <a:pt x="28439" y="76924"/>
                    <a:pt x="33031" y="76766"/>
                    <a:pt x="37623" y="76671"/>
                  </a:cubicBezTo>
                  <a:cubicBezTo>
                    <a:pt x="42184" y="76576"/>
                    <a:pt x="46776" y="76481"/>
                    <a:pt x="51368" y="76449"/>
                  </a:cubicBezTo>
                  <a:lnTo>
                    <a:pt x="52191" y="76417"/>
                  </a:lnTo>
                  <a:lnTo>
                    <a:pt x="53046" y="76449"/>
                  </a:lnTo>
                  <a:cubicBezTo>
                    <a:pt x="53648" y="76449"/>
                    <a:pt x="54281" y="76449"/>
                    <a:pt x="54915" y="76386"/>
                  </a:cubicBezTo>
                  <a:cubicBezTo>
                    <a:pt x="55548" y="76322"/>
                    <a:pt x="56213" y="76196"/>
                    <a:pt x="56846" y="75942"/>
                  </a:cubicBezTo>
                  <a:cubicBezTo>
                    <a:pt x="57512" y="75752"/>
                    <a:pt x="58082" y="75341"/>
                    <a:pt x="58588" y="74865"/>
                  </a:cubicBezTo>
                  <a:cubicBezTo>
                    <a:pt x="59602" y="73915"/>
                    <a:pt x="60235" y="72744"/>
                    <a:pt x="60647" y="71572"/>
                  </a:cubicBezTo>
                  <a:cubicBezTo>
                    <a:pt x="60837" y="70970"/>
                    <a:pt x="60963" y="70368"/>
                    <a:pt x="61058" y="69767"/>
                  </a:cubicBezTo>
                  <a:cubicBezTo>
                    <a:pt x="61153" y="69165"/>
                    <a:pt x="61217" y="68595"/>
                    <a:pt x="61248" y="67993"/>
                  </a:cubicBezTo>
                  <a:cubicBezTo>
                    <a:pt x="61343" y="66790"/>
                    <a:pt x="61312" y="65618"/>
                    <a:pt x="61248" y="64446"/>
                  </a:cubicBezTo>
                  <a:cubicBezTo>
                    <a:pt x="61153" y="63275"/>
                    <a:pt x="60995" y="62135"/>
                    <a:pt x="60837" y="60995"/>
                  </a:cubicBezTo>
                  <a:cubicBezTo>
                    <a:pt x="60457" y="58714"/>
                    <a:pt x="60172" y="56498"/>
                    <a:pt x="60077" y="54217"/>
                  </a:cubicBezTo>
                  <a:cubicBezTo>
                    <a:pt x="59982" y="51969"/>
                    <a:pt x="60045" y="34678"/>
                    <a:pt x="60108" y="32397"/>
                  </a:cubicBezTo>
                  <a:cubicBezTo>
                    <a:pt x="60203" y="30117"/>
                    <a:pt x="60298" y="27806"/>
                    <a:pt x="60425" y="25525"/>
                  </a:cubicBezTo>
                  <a:cubicBezTo>
                    <a:pt x="60615" y="20933"/>
                    <a:pt x="60868" y="16373"/>
                    <a:pt x="61153" y="11781"/>
                  </a:cubicBezTo>
                  <a:lnTo>
                    <a:pt x="61217" y="10926"/>
                  </a:lnTo>
                  <a:lnTo>
                    <a:pt x="61248" y="10451"/>
                  </a:lnTo>
                  <a:lnTo>
                    <a:pt x="61248" y="10039"/>
                  </a:lnTo>
                  <a:cubicBezTo>
                    <a:pt x="61280" y="9501"/>
                    <a:pt x="61312" y="8899"/>
                    <a:pt x="61312" y="8266"/>
                  </a:cubicBezTo>
                  <a:cubicBezTo>
                    <a:pt x="61280" y="7632"/>
                    <a:pt x="61153" y="6904"/>
                    <a:pt x="60837" y="6239"/>
                  </a:cubicBezTo>
                  <a:cubicBezTo>
                    <a:pt x="60520" y="5542"/>
                    <a:pt x="60045" y="4972"/>
                    <a:pt x="59507" y="4529"/>
                  </a:cubicBezTo>
                  <a:cubicBezTo>
                    <a:pt x="58968" y="4117"/>
                    <a:pt x="58398" y="3769"/>
                    <a:pt x="57828" y="3515"/>
                  </a:cubicBezTo>
                  <a:cubicBezTo>
                    <a:pt x="57543" y="3357"/>
                    <a:pt x="57258" y="3230"/>
                    <a:pt x="56973" y="3135"/>
                  </a:cubicBezTo>
                  <a:cubicBezTo>
                    <a:pt x="56688" y="3009"/>
                    <a:pt x="56403" y="2914"/>
                    <a:pt x="56118" y="2819"/>
                  </a:cubicBezTo>
                  <a:cubicBezTo>
                    <a:pt x="54978" y="2407"/>
                    <a:pt x="53838" y="2027"/>
                    <a:pt x="52666" y="1710"/>
                  </a:cubicBezTo>
                  <a:cubicBezTo>
                    <a:pt x="50354" y="1267"/>
                    <a:pt x="48042" y="1014"/>
                    <a:pt x="45731" y="792"/>
                  </a:cubicBezTo>
                  <a:cubicBezTo>
                    <a:pt x="43419" y="634"/>
                    <a:pt x="41107" y="475"/>
                    <a:pt x="38795" y="380"/>
                  </a:cubicBezTo>
                  <a:cubicBezTo>
                    <a:pt x="34171" y="159"/>
                    <a:pt x="29579" y="95"/>
                    <a:pt x="24987" y="32"/>
                  </a:cubicBezTo>
                  <a:cubicBezTo>
                    <a:pt x="22676" y="0"/>
                    <a:pt x="20364" y="0"/>
                    <a:pt x="18084" y="0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28" name="Google Shape;1592;p42"/>
            <p:cNvSpPr/>
            <p:nvPr/>
          </p:nvSpPr>
          <p:spPr>
            <a:xfrm>
              <a:off x="8428655" y="1938071"/>
              <a:ext cx="757544" cy="811943"/>
            </a:xfrm>
            <a:custGeom>
              <a:avLst/>
              <a:gdLst/>
              <a:ahLst/>
              <a:cxnLst/>
              <a:rect l="l" t="t" r="r" b="b"/>
              <a:pathLst>
                <a:path w="24418" h="24640" extrusionOk="0">
                  <a:moveTo>
                    <a:pt x="12415" y="1"/>
                  </a:moveTo>
                  <a:cubicBezTo>
                    <a:pt x="6461" y="1"/>
                    <a:pt x="412" y="4086"/>
                    <a:pt x="1" y="12795"/>
                  </a:cubicBezTo>
                  <a:cubicBezTo>
                    <a:pt x="1" y="12858"/>
                    <a:pt x="1" y="12922"/>
                    <a:pt x="1" y="12985"/>
                  </a:cubicBezTo>
                  <a:cubicBezTo>
                    <a:pt x="1" y="14822"/>
                    <a:pt x="3737" y="24639"/>
                    <a:pt x="12605" y="24639"/>
                  </a:cubicBezTo>
                  <a:cubicBezTo>
                    <a:pt x="18939" y="24639"/>
                    <a:pt x="24417" y="19699"/>
                    <a:pt x="24417" y="11972"/>
                  </a:cubicBezTo>
                  <a:cubicBezTo>
                    <a:pt x="24417" y="4181"/>
                    <a:pt x="18464" y="1"/>
                    <a:pt x="12415" y="1"/>
                  </a:cubicBezTo>
                  <a:close/>
                </a:path>
              </a:pathLst>
            </a:custGeom>
            <a:solidFill>
              <a:srgbClr val="FFFEFD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r>
                <a:rPr kumimoji="0" lang="en" sz="3000" b="0" i="0" u="none" strike="noStrike" kern="120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Fira Sans"/>
                  <a:ea typeface="Fira Sans"/>
                  <a:cs typeface="Fira Sans"/>
                  <a:sym typeface="Fira Sans"/>
                </a:rPr>
                <a:t>3</a:t>
              </a:r>
              <a:endParaRPr kumimoji="0" sz="30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Fira Sans"/>
                <a:ea typeface="Fira Sans"/>
                <a:cs typeface="Fira Sans"/>
                <a:sym typeface="Fira Sans"/>
              </a:endParaRPr>
            </a:p>
          </p:txBody>
        </p:sp>
        <p:sp>
          <p:nvSpPr>
            <p:cNvPr id="229" name="Google Shape;1593;p42"/>
            <p:cNvSpPr/>
            <p:nvPr/>
          </p:nvSpPr>
          <p:spPr>
            <a:xfrm>
              <a:off x="8521145" y="2030344"/>
              <a:ext cx="659291" cy="735757"/>
            </a:xfrm>
            <a:custGeom>
              <a:avLst/>
              <a:gdLst/>
              <a:ahLst/>
              <a:cxnLst/>
              <a:rect l="l" t="t" r="r" b="b"/>
              <a:pathLst>
                <a:path w="21251" h="22328" extrusionOk="0">
                  <a:moveTo>
                    <a:pt x="16595" y="1"/>
                  </a:moveTo>
                  <a:lnTo>
                    <a:pt x="16595" y="1"/>
                  </a:lnTo>
                  <a:cubicBezTo>
                    <a:pt x="17925" y="1869"/>
                    <a:pt x="18749" y="4276"/>
                    <a:pt x="18749" y="7158"/>
                  </a:cubicBezTo>
                  <a:cubicBezTo>
                    <a:pt x="18749" y="14885"/>
                    <a:pt x="13270" y="19794"/>
                    <a:pt x="6936" y="19794"/>
                  </a:cubicBezTo>
                  <a:cubicBezTo>
                    <a:pt x="4117" y="19794"/>
                    <a:pt x="1806" y="18812"/>
                    <a:pt x="0" y="17387"/>
                  </a:cubicBezTo>
                  <a:lnTo>
                    <a:pt x="0" y="17387"/>
                  </a:lnTo>
                  <a:cubicBezTo>
                    <a:pt x="2027" y="19984"/>
                    <a:pt x="5131" y="22327"/>
                    <a:pt x="9438" y="22327"/>
                  </a:cubicBezTo>
                  <a:cubicBezTo>
                    <a:pt x="15772" y="22327"/>
                    <a:pt x="21250" y="17387"/>
                    <a:pt x="21250" y="9660"/>
                  </a:cubicBezTo>
                  <a:cubicBezTo>
                    <a:pt x="21250" y="5258"/>
                    <a:pt x="19319" y="1996"/>
                    <a:pt x="16595" y="1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230" name="Google Shape;1594;p42"/>
            <p:cNvSpPr/>
            <p:nvPr/>
          </p:nvSpPr>
          <p:spPr>
            <a:xfrm>
              <a:off x="8397200" y="1893854"/>
              <a:ext cx="789003" cy="849344"/>
            </a:xfrm>
            <a:custGeom>
              <a:avLst/>
              <a:gdLst/>
              <a:ahLst/>
              <a:cxnLst/>
              <a:rect l="l" t="t" r="r" b="b"/>
              <a:pathLst>
                <a:path w="25432" h="25775" extrusionOk="0">
                  <a:moveTo>
                    <a:pt x="12580" y="1000"/>
                  </a:moveTo>
                  <a:cubicBezTo>
                    <a:pt x="14023" y="1000"/>
                    <a:pt x="15459" y="1204"/>
                    <a:pt x="16785" y="1764"/>
                  </a:cubicBezTo>
                  <a:cubicBezTo>
                    <a:pt x="17482" y="2049"/>
                    <a:pt x="18179" y="2334"/>
                    <a:pt x="18844" y="2714"/>
                  </a:cubicBezTo>
                  <a:cubicBezTo>
                    <a:pt x="19161" y="2872"/>
                    <a:pt x="19477" y="3094"/>
                    <a:pt x="19794" y="3316"/>
                  </a:cubicBezTo>
                  <a:cubicBezTo>
                    <a:pt x="20111" y="3537"/>
                    <a:pt x="20396" y="3759"/>
                    <a:pt x="20681" y="4012"/>
                  </a:cubicBezTo>
                  <a:cubicBezTo>
                    <a:pt x="21852" y="4994"/>
                    <a:pt x="22771" y="6229"/>
                    <a:pt x="23373" y="7623"/>
                  </a:cubicBezTo>
                  <a:cubicBezTo>
                    <a:pt x="23531" y="7971"/>
                    <a:pt x="23658" y="8319"/>
                    <a:pt x="23784" y="8699"/>
                  </a:cubicBezTo>
                  <a:lnTo>
                    <a:pt x="24069" y="9808"/>
                  </a:lnTo>
                  <a:lnTo>
                    <a:pt x="24259" y="10948"/>
                  </a:lnTo>
                  <a:cubicBezTo>
                    <a:pt x="24291" y="11328"/>
                    <a:pt x="24291" y="11708"/>
                    <a:pt x="24323" y="12088"/>
                  </a:cubicBezTo>
                  <a:cubicBezTo>
                    <a:pt x="24323" y="13640"/>
                    <a:pt x="24101" y="15191"/>
                    <a:pt x="23626" y="16648"/>
                  </a:cubicBezTo>
                  <a:cubicBezTo>
                    <a:pt x="23373" y="17345"/>
                    <a:pt x="23056" y="18042"/>
                    <a:pt x="22676" y="18707"/>
                  </a:cubicBezTo>
                  <a:lnTo>
                    <a:pt x="22359" y="19182"/>
                  </a:lnTo>
                  <a:lnTo>
                    <a:pt x="22232" y="19435"/>
                  </a:lnTo>
                  <a:cubicBezTo>
                    <a:pt x="22169" y="19530"/>
                    <a:pt x="22106" y="19593"/>
                    <a:pt x="22011" y="19657"/>
                  </a:cubicBezTo>
                  <a:cubicBezTo>
                    <a:pt x="21662" y="19847"/>
                    <a:pt x="21567" y="20227"/>
                    <a:pt x="21282" y="20480"/>
                  </a:cubicBezTo>
                  <a:cubicBezTo>
                    <a:pt x="20807" y="21082"/>
                    <a:pt x="20332" y="21652"/>
                    <a:pt x="19794" y="22159"/>
                  </a:cubicBezTo>
                  <a:cubicBezTo>
                    <a:pt x="19667" y="22317"/>
                    <a:pt x="19572" y="22507"/>
                    <a:pt x="19414" y="22602"/>
                  </a:cubicBezTo>
                  <a:cubicBezTo>
                    <a:pt x="19256" y="22729"/>
                    <a:pt x="19066" y="22824"/>
                    <a:pt x="18907" y="22919"/>
                  </a:cubicBezTo>
                  <a:lnTo>
                    <a:pt x="18401" y="23172"/>
                  </a:lnTo>
                  <a:cubicBezTo>
                    <a:pt x="18242" y="23267"/>
                    <a:pt x="18052" y="23330"/>
                    <a:pt x="17862" y="23394"/>
                  </a:cubicBezTo>
                  <a:cubicBezTo>
                    <a:pt x="17704" y="23457"/>
                    <a:pt x="17514" y="23520"/>
                    <a:pt x="17355" y="23584"/>
                  </a:cubicBezTo>
                  <a:cubicBezTo>
                    <a:pt x="17165" y="23615"/>
                    <a:pt x="16944" y="23584"/>
                    <a:pt x="16754" y="23647"/>
                  </a:cubicBezTo>
                  <a:cubicBezTo>
                    <a:pt x="16595" y="23710"/>
                    <a:pt x="16405" y="23774"/>
                    <a:pt x="16247" y="23837"/>
                  </a:cubicBezTo>
                  <a:cubicBezTo>
                    <a:pt x="16057" y="23900"/>
                    <a:pt x="15867" y="23932"/>
                    <a:pt x="15709" y="23995"/>
                  </a:cubicBezTo>
                  <a:cubicBezTo>
                    <a:pt x="15519" y="24059"/>
                    <a:pt x="15360" y="24122"/>
                    <a:pt x="15170" y="24154"/>
                  </a:cubicBezTo>
                  <a:lnTo>
                    <a:pt x="14600" y="24280"/>
                  </a:lnTo>
                  <a:cubicBezTo>
                    <a:pt x="14252" y="24375"/>
                    <a:pt x="13872" y="24375"/>
                    <a:pt x="13492" y="24407"/>
                  </a:cubicBezTo>
                  <a:cubicBezTo>
                    <a:pt x="13359" y="24418"/>
                    <a:pt x="13227" y="24423"/>
                    <a:pt x="13095" y="24423"/>
                  </a:cubicBezTo>
                  <a:cubicBezTo>
                    <a:pt x="12469" y="24423"/>
                    <a:pt x="11850" y="24305"/>
                    <a:pt x="11275" y="24122"/>
                  </a:cubicBezTo>
                  <a:cubicBezTo>
                    <a:pt x="10578" y="23742"/>
                    <a:pt x="9945" y="23520"/>
                    <a:pt x="9185" y="23362"/>
                  </a:cubicBezTo>
                  <a:cubicBezTo>
                    <a:pt x="7791" y="22919"/>
                    <a:pt x="6556" y="22032"/>
                    <a:pt x="5448" y="21019"/>
                  </a:cubicBezTo>
                  <a:cubicBezTo>
                    <a:pt x="5195" y="20765"/>
                    <a:pt x="4909" y="20480"/>
                    <a:pt x="4656" y="20195"/>
                  </a:cubicBezTo>
                  <a:cubicBezTo>
                    <a:pt x="4529" y="20068"/>
                    <a:pt x="4403" y="19910"/>
                    <a:pt x="4276" y="19783"/>
                  </a:cubicBezTo>
                  <a:cubicBezTo>
                    <a:pt x="4149" y="19625"/>
                    <a:pt x="4023" y="19498"/>
                    <a:pt x="3833" y="19372"/>
                  </a:cubicBezTo>
                  <a:cubicBezTo>
                    <a:pt x="3389" y="19245"/>
                    <a:pt x="3263" y="18865"/>
                    <a:pt x="3009" y="18548"/>
                  </a:cubicBezTo>
                  <a:cubicBezTo>
                    <a:pt x="2788" y="18232"/>
                    <a:pt x="2566" y="17883"/>
                    <a:pt x="2376" y="17567"/>
                  </a:cubicBezTo>
                  <a:cubicBezTo>
                    <a:pt x="1996" y="16870"/>
                    <a:pt x="1648" y="16173"/>
                    <a:pt x="1363" y="15445"/>
                  </a:cubicBezTo>
                  <a:cubicBezTo>
                    <a:pt x="1078" y="14716"/>
                    <a:pt x="824" y="13988"/>
                    <a:pt x="729" y="13260"/>
                  </a:cubicBezTo>
                  <a:lnTo>
                    <a:pt x="856" y="13260"/>
                  </a:lnTo>
                  <a:cubicBezTo>
                    <a:pt x="919" y="13070"/>
                    <a:pt x="983" y="12911"/>
                    <a:pt x="1046" y="12690"/>
                  </a:cubicBezTo>
                  <a:cubicBezTo>
                    <a:pt x="1046" y="12500"/>
                    <a:pt x="1078" y="12310"/>
                    <a:pt x="1078" y="12120"/>
                  </a:cubicBezTo>
                  <a:cubicBezTo>
                    <a:pt x="1078" y="11740"/>
                    <a:pt x="1141" y="11360"/>
                    <a:pt x="1204" y="10948"/>
                  </a:cubicBezTo>
                  <a:lnTo>
                    <a:pt x="1268" y="10378"/>
                  </a:lnTo>
                  <a:cubicBezTo>
                    <a:pt x="1299" y="10188"/>
                    <a:pt x="1331" y="9998"/>
                    <a:pt x="1394" y="9808"/>
                  </a:cubicBezTo>
                  <a:lnTo>
                    <a:pt x="1553" y="9238"/>
                  </a:lnTo>
                  <a:lnTo>
                    <a:pt x="1616" y="8953"/>
                  </a:lnTo>
                  <a:lnTo>
                    <a:pt x="1743" y="8699"/>
                  </a:lnTo>
                  <a:cubicBezTo>
                    <a:pt x="2249" y="7211"/>
                    <a:pt x="3041" y="5849"/>
                    <a:pt x="4054" y="4709"/>
                  </a:cubicBezTo>
                  <a:cubicBezTo>
                    <a:pt x="5100" y="3569"/>
                    <a:pt x="6366" y="2651"/>
                    <a:pt x="7791" y="2017"/>
                  </a:cubicBezTo>
                  <a:cubicBezTo>
                    <a:pt x="9216" y="1384"/>
                    <a:pt x="10737" y="1067"/>
                    <a:pt x="12257" y="1004"/>
                  </a:cubicBezTo>
                  <a:cubicBezTo>
                    <a:pt x="12364" y="1002"/>
                    <a:pt x="12472" y="1000"/>
                    <a:pt x="12580" y="1000"/>
                  </a:cubicBezTo>
                  <a:close/>
                  <a:moveTo>
                    <a:pt x="13002" y="0"/>
                  </a:moveTo>
                  <a:cubicBezTo>
                    <a:pt x="12744" y="0"/>
                    <a:pt x="12485" y="7"/>
                    <a:pt x="12225" y="22"/>
                  </a:cubicBezTo>
                  <a:cubicBezTo>
                    <a:pt x="8900" y="180"/>
                    <a:pt x="5670" y="1669"/>
                    <a:pt x="3453" y="4171"/>
                  </a:cubicBezTo>
                  <a:cubicBezTo>
                    <a:pt x="2344" y="5406"/>
                    <a:pt x="1521" y="6863"/>
                    <a:pt x="983" y="8414"/>
                  </a:cubicBezTo>
                  <a:cubicBezTo>
                    <a:pt x="824" y="8794"/>
                    <a:pt x="761" y="9206"/>
                    <a:pt x="602" y="9618"/>
                  </a:cubicBezTo>
                  <a:cubicBezTo>
                    <a:pt x="571" y="9808"/>
                    <a:pt x="476" y="9998"/>
                    <a:pt x="444" y="10188"/>
                  </a:cubicBezTo>
                  <a:lnTo>
                    <a:pt x="286" y="10789"/>
                  </a:lnTo>
                  <a:cubicBezTo>
                    <a:pt x="191" y="11201"/>
                    <a:pt x="64" y="11581"/>
                    <a:pt x="32" y="11993"/>
                  </a:cubicBezTo>
                  <a:cubicBezTo>
                    <a:pt x="32" y="12215"/>
                    <a:pt x="1" y="12405"/>
                    <a:pt x="1" y="12626"/>
                  </a:cubicBezTo>
                  <a:cubicBezTo>
                    <a:pt x="1" y="12816"/>
                    <a:pt x="32" y="13038"/>
                    <a:pt x="64" y="13228"/>
                  </a:cubicBezTo>
                  <a:lnTo>
                    <a:pt x="191" y="13260"/>
                  </a:lnTo>
                  <a:cubicBezTo>
                    <a:pt x="159" y="13450"/>
                    <a:pt x="127" y="13703"/>
                    <a:pt x="159" y="13925"/>
                  </a:cubicBezTo>
                  <a:cubicBezTo>
                    <a:pt x="191" y="14146"/>
                    <a:pt x="222" y="14336"/>
                    <a:pt x="286" y="14558"/>
                  </a:cubicBezTo>
                  <a:cubicBezTo>
                    <a:pt x="381" y="14938"/>
                    <a:pt x="507" y="15350"/>
                    <a:pt x="634" y="15730"/>
                  </a:cubicBezTo>
                  <a:cubicBezTo>
                    <a:pt x="919" y="16490"/>
                    <a:pt x="1236" y="17250"/>
                    <a:pt x="1616" y="17978"/>
                  </a:cubicBezTo>
                  <a:cubicBezTo>
                    <a:pt x="1838" y="18327"/>
                    <a:pt x="2028" y="18707"/>
                    <a:pt x="2218" y="19055"/>
                  </a:cubicBezTo>
                  <a:cubicBezTo>
                    <a:pt x="2408" y="19435"/>
                    <a:pt x="2724" y="19720"/>
                    <a:pt x="2756" y="20195"/>
                  </a:cubicBezTo>
                  <a:cubicBezTo>
                    <a:pt x="2819" y="20417"/>
                    <a:pt x="2946" y="20575"/>
                    <a:pt x="3073" y="20765"/>
                  </a:cubicBezTo>
                  <a:cubicBezTo>
                    <a:pt x="3199" y="20924"/>
                    <a:pt x="3326" y="21082"/>
                    <a:pt x="3453" y="21240"/>
                  </a:cubicBezTo>
                  <a:cubicBezTo>
                    <a:pt x="3579" y="21430"/>
                    <a:pt x="3706" y="21589"/>
                    <a:pt x="3864" y="21747"/>
                  </a:cubicBezTo>
                  <a:cubicBezTo>
                    <a:pt x="3991" y="21905"/>
                    <a:pt x="4149" y="22064"/>
                    <a:pt x="4276" y="22190"/>
                  </a:cubicBezTo>
                  <a:cubicBezTo>
                    <a:pt x="5480" y="23425"/>
                    <a:pt x="6905" y="24407"/>
                    <a:pt x="8456" y="25167"/>
                  </a:cubicBezTo>
                  <a:cubicBezTo>
                    <a:pt x="8646" y="25262"/>
                    <a:pt x="8836" y="25389"/>
                    <a:pt x="9058" y="25484"/>
                  </a:cubicBezTo>
                  <a:cubicBezTo>
                    <a:pt x="9248" y="25579"/>
                    <a:pt x="9470" y="25642"/>
                    <a:pt x="9660" y="25674"/>
                  </a:cubicBezTo>
                  <a:cubicBezTo>
                    <a:pt x="9882" y="25737"/>
                    <a:pt x="10103" y="25737"/>
                    <a:pt x="10325" y="25769"/>
                  </a:cubicBezTo>
                  <a:cubicBezTo>
                    <a:pt x="10350" y="25772"/>
                    <a:pt x="10376" y="25774"/>
                    <a:pt x="10402" y="25774"/>
                  </a:cubicBezTo>
                  <a:cubicBezTo>
                    <a:pt x="10557" y="25774"/>
                    <a:pt x="10721" y="25719"/>
                    <a:pt x="10866" y="25719"/>
                  </a:cubicBezTo>
                  <a:cubicBezTo>
                    <a:pt x="10909" y="25719"/>
                    <a:pt x="10951" y="25724"/>
                    <a:pt x="10990" y="25737"/>
                  </a:cubicBezTo>
                  <a:cubicBezTo>
                    <a:pt x="11484" y="25755"/>
                    <a:pt x="11977" y="25774"/>
                    <a:pt x="12471" y="25774"/>
                  </a:cubicBezTo>
                  <a:cubicBezTo>
                    <a:pt x="12832" y="25774"/>
                    <a:pt x="13194" y="25764"/>
                    <a:pt x="13555" y="25737"/>
                  </a:cubicBezTo>
                  <a:lnTo>
                    <a:pt x="14189" y="25737"/>
                  </a:lnTo>
                  <a:cubicBezTo>
                    <a:pt x="14410" y="25737"/>
                    <a:pt x="14600" y="25674"/>
                    <a:pt x="14822" y="25674"/>
                  </a:cubicBezTo>
                  <a:lnTo>
                    <a:pt x="15455" y="25611"/>
                  </a:lnTo>
                  <a:cubicBezTo>
                    <a:pt x="15677" y="25579"/>
                    <a:pt x="15867" y="25547"/>
                    <a:pt x="16089" y="25484"/>
                  </a:cubicBezTo>
                  <a:cubicBezTo>
                    <a:pt x="16279" y="25452"/>
                    <a:pt x="16500" y="25421"/>
                    <a:pt x="16722" y="25357"/>
                  </a:cubicBezTo>
                  <a:cubicBezTo>
                    <a:pt x="16912" y="25294"/>
                    <a:pt x="17102" y="25231"/>
                    <a:pt x="17324" y="25135"/>
                  </a:cubicBezTo>
                  <a:cubicBezTo>
                    <a:pt x="17514" y="25072"/>
                    <a:pt x="17672" y="24914"/>
                    <a:pt x="17862" y="24819"/>
                  </a:cubicBezTo>
                  <a:cubicBezTo>
                    <a:pt x="18052" y="24692"/>
                    <a:pt x="18242" y="24597"/>
                    <a:pt x="18432" y="24470"/>
                  </a:cubicBezTo>
                  <a:cubicBezTo>
                    <a:pt x="18781" y="24280"/>
                    <a:pt x="19129" y="24027"/>
                    <a:pt x="19477" y="23805"/>
                  </a:cubicBezTo>
                  <a:cubicBezTo>
                    <a:pt x="19667" y="23679"/>
                    <a:pt x="19826" y="23584"/>
                    <a:pt x="20016" y="23457"/>
                  </a:cubicBezTo>
                  <a:cubicBezTo>
                    <a:pt x="20174" y="23330"/>
                    <a:pt x="20396" y="23267"/>
                    <a:pt x="20586" y="23172"/>
                  </a:cubicBezTo>
                  <a:cubicBezTo>
                    <a:pt x="20966" y="22982"/>
                    <a:pt x="21282" y="22697"/>
                    <a:pt x="21599" y="22444"/>
                  </a:cubicBezTo>
                  <a:cubicBezTo>
                    <a:pt x="21979" y="22190"/>
                    <a:pt x="22232" y="21842"/>
                    <a:pt x="22549" y="21557"/>
                  </a:cubicBezTo>
                  <a:lnTo>
                    <a:pt x="22771" y="21304"/>
                  </a:lnTo>
                  <a:lnTo>
                    <a:pt x="22961" y="21050"/>
                  </a:lnTo>
                  <a:cubicBezTo>
                    <a:pt x="23088" y="20892"/>
                    <a:pt x="23183" y="20670"/>
                    <a:pt x="23246" y="20480"/>
                  </a:cubicBezTo>
                  <a:cubicBezTo>
                    <a:pt x="23436" y="20100"/>
                    <a:pt x="23658" y="19720"/>
                    <a:pt x="23848" y="19340"/>
                  </a:cubicBezTo>
                  <a:cubicBezTo>
                    <a:pt x="24228" y="18612"/>
                    <a:pt x="24544" y="17820"/>
                    <a:pt x="24766" y="16997"/>
                  </a:cubicBezTo>
                  <a:cubicBezTo>
                    <a:pt x="25241" y="15381"/>
                    <a:pt x="25431" y="13735"/>
                    <a:pt x="25368" y="12088"/>
                  </a:cubicBezTo>
                  <a:cubicBezTo>
                    <a:pt x="25336" y="10409"/>
                    <a:pt x="25019" y="8763"/>
                    <a:pt x="24386" y="7211"/>
                  </a:cubicBezTo>
                  <a:cubicBezTo>
                    <a:pt x="23753" y="5659"/>
                    <a:pt x="22771" y="4234"/>
                    <a:pt x="21536" y="3062"/>
                  </a:cubicBezTo>
                  <a:cubicBezTo>
                    <a:pt x="21219" y="2809"/>
                    <a:pt x="20902" y="2524"/>
                    <a:pt x="20554" y="2271"/>
                  </a:cubicBezTo>
                  <a:cubicBezTo>
                    <a:pt x="20206" y="2049"/>
                    <a:pt x="19857" y="1796"/>
                    <a:pt x="19477" y="1574"/>
                  </a:cubicBezTo>
                  <a:cubicBezTo>
                    <a:pt x="19129" y="1384"/>
                    <a:pt x="18749" y="1162"/>
                    <a:pt x="18369" y="1004"/>
                  </a:cubicBezTo>
                  <a:cubicBezTo>
                    <a:pt x="17989" y="845"/>
                    <a:pt x="17609" y="655"/>
                    <a:pt x="17165" y="560"/>
                  </a:cubicBezTo>
                  <a:cubicBezTo>
                    <a:pt x="15800" y="212"/>
                    <a:pt x="14413" y="0"/>
                    <a:pt x="13002" y="0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>
              <a:def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</a:defPPr>
              <a:lvl1pPr marR="0" lvl="0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1pPr>
              <a:lvl2pPr marR="0" lvl="1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2pPr>
              <a:lvl3pPr marR="0" lvl="2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3pPr>
              <a:lvl4pPr marR="0" lvl="3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4pPr>
              <a:lvl5pPr marR="0" lvl="4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5pPr>
              <a:lvl6pPr marR="0" lvl="5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6pPr>
              <a:lvl7pPr marR="0" lvl="6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7pPr>
              <a:lvl8pPr marR="0" lvl="7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8pPr>
              <a:lvl9pPr marR="0" lvl="8" algn="l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Font typeface="Arial"/>
                <a:defRPr sz="1400" b="0" i="0" u="none" strike="noStrike" cap="none">
                  <a:solidFill>
                    <a:srgbClr val="000000"/>
                  </a:solidFill>
                  <a:latin typeface="Arial"/>
                  <a:ea typeface="Arial"/>
                  <a:cs typeface="Arial"/>
                  <a:sym typeface="Arial"/>
                </a:defRPr>
              </a:lvl9pPr>
            </a:lstStyle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endParaRPr>
            </a:p>
          </p:txBody>
        </p:sp>
        <p:sp>
          <p:nvSpPr>
            <p:cNvPr id="12" name="Dikdörtgen 11"/>
            <p:cNvSpPr/>
            <p:nvPr/>
          </p:nvSpPr>
          <p:spPr>
            <a:xfrm>
              <a:off x="8790817" y="3447302"/>
              <a:ext cx="3010486" cy="1212944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lvl="0" algn="ctr"/>
              <a:r>
                <a:rPr lang="tr-TR" sz="2400" dirty="0">
                  <a:solidFill>
                    <a:prstClr val="black"/>
                  </a:solidFill>
                </a:rPr>
                <a:t>Bütün namazların her rekâtında okunması gereklidir.</a:t>
              </a:r>
              <a:r>
                <a:rPr kumimoji="0" lang="tr-TR" sz="240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ea typeface="맑은 고딕"/>
                </a:rPr>
                <a:t> </a:t>
              </a:r>
            </a:p>
          </p:txBody>
        </p:sp>
      </p:grpSp>
      <p:sp>
        <p:nvSpPr>
          <p:cNvPr id="22" name="Dikdörtgen 21"/>
          <p:cNvSpPr/>
          <p:nvPr/>
        </p:nvSpPr>
        <p:spPr>
          <a:xfrm>
            <a:off x="4610732" y="290116"/>
            <a:ext cx="3598974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Fatiha </a:t>
            </a:r>
            <a:r>
              <a:rPr lang="tr-TR" sz="3600" noProof="0" dirty="0">
                <a:solidFill>
                  <a:prstClr val="black"/>
                </a:solidFill>
                <a:latin typeface="Arial"/>
                <a:ea typeface="맑은 고딕"/>
              </a:rPr>
              <a:t>s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uresiyle </a:t>
            </a:r>
            <a:r>
              <a:rPr lang="tr-TR" sz="3600" dirty="0">
                <a:solidFill>
                  <a:prstClr val="black"/>
                </a:solidFill>
                <a:latin typeface="Arial"/>
                <a:ea typeface="맑은 고딕"/>
              </a:rPr>
              <a:t>i</a:t>
            </a:r>
            <a:r>
              <a:rPr kumimoji="0" lang="tr-TR" sz="36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lgili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 </a:t>
            </a:r>
            <a:r>
              <a:rPr lang="tr-TR" sz="3600" dirty="0">
                <a:solidFill>
                  <a:prstClr val="black"/>
                </a:solidFill>
                <a:latin typeface="Arial"/>
                <a:ea typeface="맑은 고딕"/>
              </a:rPr>
              <a:t>b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ilgiler </a:t>
            </a:r>
          </a:p>
        </p:txBody>
      </p:sp>
      <p:sp>
        <p:nvSpPr>
          <p:cNvPr id="307" name="Google Shape;839;p38"/>
          <p:cNvSpPr/>
          <p:nvPr/>
        </p:nvSpPr>
        <p:spPr>
          <a:xfrm rot="6298004" flipV="1">
            <a:off x="2570024" y="356644"/>
            <a:ext cx="1651004" cy="1819117"/>
          </a:xfrm>
          <a:custGeom>
            <a:avLst/>
            <a:gdLst/>
            <a:ahLst/>
            <a:cxnLst/>
            <a:rect l="l" t="t" r="r" b="b"/>
            <a:pathLst>
              <a:path w="7549" h="6851" extrusionOk="0">
                <a:moveTo>
                  <a:pt x="4509" y="1"/>
                </a:moveTo>
                <a:cubicBezTo>
                  <a:pt x="4224" y="1"/>
                  <a:pt x="4192" y="413"/>
                  <a:pt x="4445" y="508"/>
                </a:cubicBezTo>
                <a:cubicBezTo>
                  <a:pt x="4794" y="634"/>
                  <a:pt x="5110" y="729"/>
                  <a:pt x="5395" y="793"/>
                </a:cubicBezTo>
                <a:cubicBezTo>
                  <a:pt x="2957" y="1964"/>
                  <a:pt x="898" y="4023"/>
                  <a:pt x="43" y="6651"/>
                </a:cubicBezTo>
                <a:cubicBezTo>
                  <a:pt x="1" y="6758"/>
                  <a:pt x="102" y="6851"/>
                  <a:pt x="202" y="6851"/>
                </a:cubicBezTo>
                <a:cubicBezTo>
                  <a:pt x="250" y="6851"/>
                  <a:pt x="298" y="6829"/>
                  <a:pt x="328" y="6778"/>
                </a:cubicBezTo>
                <a:cubicBezTo>
                  <a:pt x="1595" y="4023"/>
                  <a:pt x="3590" y="1901"/>
                  <a:pt x="6472" y="856"/>
                </a:cubicBezTo>
                <a:cubicBezTo>
                  <a:pt x="6504" y="856"/>
                  <a:pt x="6504" y="856"/>
                  <a:pt x="6536" y="824"/>
                </a:cubicBezTo>
                <a:cubicBezTo>
                  <a:pt x="6599" y="856"/>
                  <a:pt x="6662" y="888"/>
                  <a:pt x="6694" y="888"/>
                </a:cubicBezTo>
                <a:cubicBezTo>
                  <a:pt x="6124" y="1426"/>
                  <a:pt x="5680" y="2028"/>
                  <a:pt x="5332" y="2788"/>
                </a:cubicBezTo>
                <a:cubicBezTo>
                  <a:pt x="5247" y="3002"/>
                  <a:pt x="5421" y="3187"/>
                  <a:pt x="5582" y="3187"/>
                </a:cubicBezTo>
                <a:cubicBezTo>
                  <a:pt x="5660" y="3187"/>
                  <a:pt x="5734" y="3144"/>
                  <a:pt x="5775" y="3041"/>
                </a:cubicBezTo>
                <a:cubicBezTo>
                  <a:pt x="6156" y="2218"/>
                  <a:pt x="6662" y="1553"/>
                  <a:pt x="7391" y="983"/>
                </a:cubicBezTo>
                <a:cubicBezTo>
                  <a:pt x="7549" y="856"/>
                  <a:pt x="7422" y="634"/>
                  <a:pt x="7264" y="571"/>
                </a:cubicBezTo>
                <a:cubicBezTo>
                  <a:pt x="6377" y="191"/>
                  <a:pt x="5490" y="33"/>
                  <a:pt x="450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308" name="Google Shape;839;p38"/>
          <p:cNvSpPr/>
          <p:nvPr/>
        </p:nvSpPr>
        <p:spPr>
          <a:xfrm rot="3005795" flipV="1">
            <a:off x="5698867" y="1749208"/>
            <a:ext cx="1157426" cy="1107893"/>
          </a:xfrm>
          <a:custGeom>
            <a:avLst/>
            <a:gdLst/>
            <a:ahLst/>
            <a:cxnLst/>
            <a:rect l="l" t="t" r="r" b="b"/>
            <a:pathLst>
              <a:path w="7549" h="6851" extrusionOk="0">
                <a:moveTo>
                  <a:pt x="4509" y="1"/>
                </a:moveTo>
                <a:cubicBezTo>
                  <a:pt x="4224" y="1"/>
                  <a:pt x="4192" y="413"/>
                  <a:pt x="4445" y="508"/>
                </a:cubicBezTo>
                <a:cubicBezTo>
                  <a:pt x="4794" y="634"/>
                  <a:pt x="5110" y="729"/>
                  <a:pt x="5395" y="793"/>
                </a:cubicBezTo>
                <a:cubicBezTo>
                  <a:pt x="2957" y="1964"/>
                  <a:pt x="898" y="4023"/>
                  <a:pt x="43" y="6651"/>
                </a:cubicBezTo>
                <a:cubicBezTo>
                  <a:pt x="1" y="6758"/>
                  <a:pt x="102" y="6851"/>
                  <a:pt x="202" y="6851"/>
                </a:cubicBezTo>
                <a:cubicBezTo>
                  <a:pt x="250" y="6851"/>
                  <a:pt x="298" y="6829"/>
                  <a:pt x="328" y="6778"/>
                </a:cubicBezTo>
                <a:cubicBezTo>
                  <a:pt x="1595" y="4023"/>
                  <a:pt x="3590" y="1901"/>
                  <a:pt x="6472" y="856"/>
                </a:cubicBezTo>
                <a:cubicBezTo>
                  <a:pt x="6504" y="856"/>
                  <a:pt x="6504" y="856"/>
                  <a:pt x="6536" y="824"/>
                </a:cubicBezTo>
                <a:cubicBezTo>
                  <a:pt x="6599" y="856"/>
                  <a:pt x="6662" y="888"/>
                  <a:pt x="6694" y="888"/>
                </a:cubicBezTo>
                <a:cubicBezTo>
                  <a:pt x="6124" y="1426"/>
                  <a:pt x="5680" y="2028"/>
                  <a:pt x="5332" y="2788"/>
                </a:cubicBezTo>
                <a:cubicBezTo>
                  <a:pt x="5247" y="3002"/>
                  <a:pt x="5421" y="3187"/>
                  <a:pt x="5582" y="3187"/>
                </a:cubicBezTo>
                <a:cubicBezTo>
                  <a:pt x="5660" y="3187"/>
                  <a:pt x="5734" y="3144"/>
                  <a:pt x="5775" y="3041"/>
                </a:cubicBezTo>
                <a:cubicBezTo>
                  <a:pt x="6156" y="2218"/>
                  <a:pt x="6662" y="1553"/>
                  <a:pt x="7391" y="983"/>
                </a:cubicBezTo>
                <a:cubicBezTo>
                  <a:pt x="7549" y="856"/>
                  <a:pt x="7422" y="634"/>
                  <a:pt x="7264" y="571"/>
                </a:cubicBezTo>
                <a:cubicBezTo>
                  <a:pt x="6377" y="191"/>
                  <a:pt x="5490" y="33"/>
                  <a:pt x="450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309" name="Google Shape;839;p38"/>
          <p:cNvSpPr/>
          <p:nvPr/>
        </p:nvSpPr>
        <p:spPr>
          <a:xfrm rot="5555440">
            <a:off x="8597117" y="501203"/>
            <a:ext cx="1102123" cy="2033769"/>
          </a:xfrm>
          <a:custGeom>
            <a:avLst/>
            <a:gdLst/>
            <a:ahLst/>
            <a:cxnLst/>
            <a:rect l="l" t="t" r="r" b="b"/>
            <a:pathLst>
              <a:path w="7549" h="6851" extrusionOk="0">
                <a:moveTo>
                  <a:pt x="4509" y="1"/>
                </a:moveTo>
                <a:cubicBezTo>
                  <a:pt x="4224" y="1"/>
                  <a:pt x="4192" y="413"/>
                  <a:pt x="4445" y="508"/>
                </a:cubicBezTo>
                <a:cubicBezTo>
                  <a:pt x="4794" y="634"/>
                  <a:pt x="5110" y="729"/>
                  <a:pt x="5395" y="793"/>
                </a:cubicBezTo>
                <a:cubicBezTo>
                  <a:pt x="2957" y="1964"/>
                  <a:pt x="898" y="4023"/>
                  <a:pt x="43" y="6651"/>
                </a:cubicBezTo>
                <a:cubicBezTo>
                  <a:pt x="1" y="6758"/>
                  <a:pt x="102" y="6851"/>
                  <a:pt x="202" y="6851"/>
                </a:cubicBezTo>
                <a:cubicBezTo>
                  <a:pt x="250" y="6851"/>
                  <a:pt x="298" y="6829"/>
                  <a:pt x="328" y="6778"/>
                </a:cubicBezTo>
                <a:cubicBezTo>
                  <a:pt x="1595" y="4023"/>
                  <a:pt x="3590" y="1901"/>
                  <a:pt x="6472" y="856"/>
                </a:cubicBezTo>
                <a:cubicBezTo>
                  <a:pt x="6504" y="856"/>
                  <a:pt x="6504" y="856"/>
                  <a:pt x="6536" y="824"/>
                </a:cubicBezTo>
                <a:cubicBezTo>
                  <a:pt x="6599" y="856"/>
                  <a:pt x="6662" y="888"/>
                  <a:pt x="6694" y="888"/>
                </a:cubicBezTo>
                <a:cubicBezTo>
                  <a:pt x="6124" y="1426"/>
                  <a:pt x="5680" y="2028"/>
                  <a:pt x="5332" y="2788"/>
                </a:cubicBezTo>
                <a:cubicBezTo>
                  <a:pt x="5247" y="3002"/>
                  <a:pt x="5421" y="3187"/>
                  <a:pt x="5582" y="3187"/>
                </a:cubicBezTo>
                <a:cubicBezTo>
                  <a:pt x="5660" y="3187"/>
                  <a:pt x="5734" y="3144"/>
                  <a:pt x="5775" y="3041"/>
                </a:cubicBezTo>
                <a:cubicBezTo>
                  <a:pt x="6156" y="2218"/>
                  <a:pt x="6662" y="1553"/>
                  <a:pt x="7391" y="983"/>
                </a:cubicBezTo>
                <a:cubicBezTo>
                  <a:pt x="7549" y="856"/>
                  <a:pt x="7422" y="634"/>
                  <a:pt x="7264" y="571"/>
                </a:cubicBezTo>
                <a:cubicBezTo>
                  <a:pt x="6377" y="191"/>
                  <a:pt x="5490" y="33"/>
                  <a:pt x="450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793615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3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3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500"/>
                                        <p:tgtEl>
                                          <p:spTgt spid="3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7" grpId="0" animBg="1"/>
      <p:bldP spid="308" grpId="0" animBg="1"/>
      <p:bldP spid="309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Yuvarlatılmış Dikdörtgen 3">
            <a:hlinkClick r:id="rId4"/>
          </p:cNvPr>
          <p:cNvSpPr/>
          <p:nvPr/>
        </p:nvSpPr>
        <p:spPr>
          <a:xfrm>
            <a:off x="1436916" y="4484915"/>
            <a:ext cx="8810170" cy="986971"/>
          </a:xfrm>
          <a:prstGeom prst="roundRect">
            <a:avLst/>
          </a:prstGeom>
          <a:solidFill>
            <a:srgbClr val="17AB9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Kur’an-ı Kerim’den 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Fatiha suresini</a:t>
            </a:r>
            <a:r>
              <a:rPr kumimoji="0" lang="tr-TR" sz="3200" b="0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 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bulalım.  </a:t>
            </a:r>
          </a:p>
        </p:txBody>
      </p:sp>
      <p:sp>
        <p:nvSpPr>
          <p:cNvPr id="5" name="Dikdörtgen 4"/>
          <p:cNvSpPr/>
          <p:nvPr/>
        </p:nvSpPr>
        <p:spPr>
          <a:xfrm>
            <a:off x="9028138" y="4818743"/>
            <a:ext cx="1799519" cy="1821544"/>
          </a:xfrm>
          <a:prstGeom prst="rect">
            <a:avLst/>
          </a:prstGeom>
          <a:blipFill>
            <a:blip r:embed="rId5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36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pic>
        <p:nvPicPr>
          <p:cNvPr id="6" name="Resim 5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66288" y="1292323"/>
            <a:ext cx="5837464" cy="2794000"/>
          </a:xfrm>
          <a:prstGeom prst="rect">
            <a:avLst/>
          </a:prstGeom>
        </p:spPr>
      </p:pic>
      <p:sp>
        <p:nvSpPr>
          <p:cNvPr id="27" name="Google Shape;1420;p32"/>
          <p:cNvSpPr/>
          <p:nvPr/>
        </p:nvSpPr>
        <p:spPr>
          <a:xfrm rot="16200000">
            <a:off x="8303495" y="324945"/>
            <a:ext cx="1825895" cy="4728756"/>
          </a:xfrm>
          <a:custGeom>
            <a:avLst/>
            <a:gdLst/>
            <a:ahLst/>
            <a:cxnLst/>
            <a:rect l="l" t="t" r="r" b="b"/>
            <a:pathLst>
              <a:path w="39176" h="34664" extrusionOk="0">
                <a:moveTo>
                  <a:pt x="21371" y="1"/>
                </a:moveTo>
                <a:cubicBezTo>
                  <a:pt x="17061" y="1"/>
                  <a:pt x="13042" y="101"/>
                  <a:pt x="8684" y="101"/>
                </a:cubicBezTo>
                <a:cubicBezTo>
                  <a:pt x="7872" y="101"/>
                  <a:pt x="7049" y="97"/>
                  <a:pt x="6209" y="89"/>
                </a:cubicBezTo>
                <a:lnTo>
                  <a:pt x="6209" y="57"/>
                </a:lnTo>
                <a:cubicBezTo>
                  <a:pt x="4193" y="121"/>
                  <a:pt x="1824" y="377"/>
                  <a:pt x="800" y="2073"/>
                </a:cubicBezTo>
                <a:cubicBezTo>
                  <a:pt x="288" y="2905"/>
                  <a:pt x="256" y="3930"/>
                  <a:pt x="256" y="4890"/>
                </a:cubicBezTo>
                <a:lnTo>
                  <a:pt x="0" y="27294"/>
                </a:lnTo>
                <a:cubicBezTo>
                  <a:pt x="0" y="29502"/>
                  <a:pt x="128" y="31999"/>
                  <a:pt x="1921" y="33343"/>
                </a:cubicBezTo>
                <a:cubicBezTo>
                  <a:pt x="3137" y="34239"/>
                  <a:pt x="4737" y="34367"/>
                  <a:pt x="6209" y="34463"/>
                </a:cubicBezTo>
                <a:cubicBezTo>
                  <a:pt x="8837" y="34597"/>
                  <a:pt x="11467" y="34664"/>
                  <a:pt x="14096" y="34664"/>
                </a:cubicBezTo>
                <a:cubicBezTo>
                  <a:pt x="20882" y="34664"/>
                  <a:pt x="27661" y="34220"/>
                  <a:pt x="34375" y="33343"/>
                </a:cubicBezTo>
                <a:cubicBezTo>
                  <a:pt x="35399" y="33183"/>
                  <a:pt x="36455" y="33023"/>
                  <a:pt x="37255" y="32447"/>
                </a:cubicBezTo>
                <a:cubicBezTo>
                  <a:pt x="38631" y="31455"/>
                  <a:pt x="38823" y="29630"/>
                  <a:pt x="38920" y="27998"/>
                </a:cubicBezTo>
                <a:cubicBezTo>
                  <a:pt x="39176" y="22781"/>
                  <a:pt x="39112" y="17532"/>
                  <a:pt x="38791" y="12315"/>
                </a:cubicBezTo>
                <a:cubicBezTo>
                  <a:pt x="38695" y="9851"/>
                  <a:pt x="38343" y="7418"/>
                  <a:pt x="37767" y="5018"/>
                </a:cubicBezTo>
                <a:cubicBezTo>
                  <a:pt x="37575" y="3994"/>
                  <a:pt x="37095" y="3033"/>
                  <a:pt x="36423" y="2233"/>
                </a:cubicBezTo>
                <a:cubicBezTo>
                  <a:pt x="35463" y="1241"/>
                  <a:pt x="34055" y="825"/>
                  <a:pt x="32646" y="569"/>
                </a:cubicBezTo>
                <a:cubicBezTo>
                  <a:pt x="30086" y="89"/>
                  <a:pt x="27461" y="57"/>
                  <a:pt x="24837" y="25"/>
                </a:cubicBezTo>
                <a:cubicBezTo>
                  <a:pt x="23654" y="7"/>
                  <a:pt x="22502" y="1"/>
                  <a:pt x="21371" y="1"/>
                </a:cubicBezTo>
                <a:close/>
              </a:path>
            </a:pathLst>
          </a:custGeom>
          <a:noFill/>
          <a:ln w="19050" cap="flat" cmpd="sng">
            <a:solidFill>
              <a:srgbClr val="344E66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grpSp>
        <p:nvGrpSpPr>
          <p:cNvPr id="30" name="Google Shape;1423;p32"/>
          <p:cNvGrpSpPr/>
          <p:nvPr/>
        </p:nvGrpSpPr>
        <p:grpSpPr>
          <a:xfrm>
            <a:off x="6272818" y="2242283"/>
            <a:ext cx="1196101" cy="1007342"/>
            <a:chOff x="6443250" y="3874618"/>
            <a:chExt cx="850500" cy="698400"/>
          </a:xfrm>
        </p:grpSpPr>
        <p:sp>
          <p:nvSpPr>
            <p:cNvPr id="32" name="Google Shape;1424;p32"/>
            <p:cNvSpPr/>
            <p:nvPr/>
          </p:nvSpPr>
          <p:spPr>
            <a:xfrm flipH="1">
              <a:off x="6443250" y="3874618"/>
              <a:ext cx="850500" cy="698400"/>
            </a:xfrm>
            <a:prstGeom prst="ellipse">
              <a:avLst/>
            </a:pr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맑은 고딕"/>
                <a:cs typeface="Arial"/>
                <a:sym typeface="Arial"/>
              </a:endParaRPr>
            </a:p>
          </p:txBody>
        </p:sp>
        <p:grpSp>
          <p:nvGrpSpPr>
            <p:cNvPr id="33" name="Google Shape;1425;p32"/>
            <p:cNvGrpSpPr/>
            <p:nvPr/>
          </p:nvGrpSpPr>
          <p:grpSpPr>
            <a:xfrm>
              <a:off x="6525446" y="3985700"/>
              <a:ext cx="686089" cy="456605"/>
              <a:chOff x="3625816" y="1218498"/>
              <a:chExt cx="610182" cy="406052"/>
            </a:xfrm>
          </p:grpSpPr>
          <p:sp>
            <p:nvSpPr>
              <p:cNvPr id="34" name="Google Shape;1426;p32"/>
              <p:cNvSpPr/>
              <p:nvPr/>
            </p:nvSpPr>
            <p:spPr>
              <a:xfrm>
                <a:off x="3637213" y="1359668"/>
                <a:ext cx="587570" cy="146072"/>
              </a:xfrm>
              <a:custGeom>
                <a:avLst/>
                <a:gdLst/>
                <a:ahLst/>
                <a:cxnLst/>
                <a:rect l="l" t="t" r="r" b="b"/>
                <a:pathLst>
                  <a:path w="32324" h="8016" extrusionOk="0">
                    <a:moveTo>
                      <a:pt x="26757" y="0"/>
                    </a:moveTo>
                    <a:cubicBezTo>
                      <a:pt x="26767" y="7"/>
                      <a:pt x="26779" y="17"/>
                      <a:pt x="26792" y="30"/>
                    </a:cubicBezTo>
                    <a:lnTo>
                      <a:pt x="26792" y="30"/>
                    </a:lnTo>
                    <a:cubicBezTo>
                      <a:pt x="26729" y="27"/>
                      <a:pt x="26666" y="26"/>
                      <a:pt x="26602" y="26"/>
                    </a:cubicBezTo>
                    <a:cubicBezTo>
                      <a:pt x="25639" y="26"/>
                      <a:pt x="24604" y="263"/>
                      <a:pt x="23790" y="263"/>
                    </a:cubicBezTo>
                    <a:cubicBezTo>
                      <a:pt x="23739" y="263"/>
                      <a:pt x="23689" y="262"/>
                      <a:pt x="23639" y="260"/>
                    </a:cubicBezTo>
                    <a:cubicBezTo>
                      <a:pt x="21116" y="260"/>
                      <a:pt x="18333" y="371"/>
                      <a:pt x="15921" y="631"/>
                    </a:cubicBezTo>
                    <a:cubicBezTo>
                      <a:pt x="12321" y="965"/>
                      <a:pt x="8832" y="1559"/>
                      <a:pt x="5344" y="2190"/>
                    </a:cubicBezTo>
                    <a:cubicBezTo>
                      <a:pt x="4045" y="2486"/>
                      <a:pt x="2635" y="2561"/>
                      <a:pt x="1373" y="2858"/>
                    </a:cubicBezTo>
                    <a:cubicBezTo>
                      <a:pt x="928" y="2932"/>
                      <a:pt x="483" y="3043"/>
                      <a:pt x="74" y="3192"/>
                    </a:cubicBezTo>
                    <a:lnTo>
                      <a:pt x="0" y="3377"/>
                    </a:lnTo>
                    <a:cubicBezTo>
                      <a:pt x="297" y="3674"/>
                      <a:pt x="1410" y="3748"/>
                      <a:pt x="1856" y="3859"/>
                    </a:cubicBezTo>
                    <a:cubicBezTo>
                      <a:pt x="3748" y="3971"/>
                      <a:pt x="5641" y="4156"/>
                      <a:pt x="7534" y="4490"/>
                    </a:cubicBezTo>
                    <a:cubicBezTo>
                      <a:pt x="10906" y="4962"/>
                      <a:pt x="30893" y="7984"/>
                      <a:pt x="32051" y="7984"/>
                    </a:cubicBezTo>
                    <a:cubicBezTo>
                      <a:pt x="32078" y="7984"/>
                      <a:pt x="32095" y="7982"/>
                      <a:pt x="32101" y="7979"/>
                    </a:cubicBezTo>
                    <a:lnTo>
                      <a:pt x="32323" y="8016"/>
                    </a:lnTo>
                    <a:cubicBezTo>
                      <a:pt x="32287" y="7579"/>
                      <a:pt x="27471" y="650"/>
                      <a:pt x="26792" y="30"/>
                    </a:cubicBezTo>
                    <a:lnTo>
                      <a:pt x="26792" y="30"/>
                    </a:lnTo>
                    <a:cubicBezTo>
                      <a:pt x="26843" y="31"/>
                      <a:pt x="26893" y="34"/>
                      <a:pt x="26942" y="37"/>
                    </a:cubicBezTo>
                    <a:lnTo>
                      <a:pt x="26757" y="0"/>
                    </a:lnTo>
                    <a:close/>
                  </a:path>
                </a:pathLst>
              </a:custGeom>
              <a:solidFill>
                <a:srgbClr val="F9C74F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400" b="0" i="0" u="none" strike="noStrike" kern="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35" name="Google Shape;1427;p32"/>
              <p:cNvSpPr/>
              <p:nvPr/>
            </p:nvSpPr>
            <p:spPr>
              <a:xfrm>
                <a:off x="3625816" y="1349974"/>
                <a:ext cx="610182" cy="165606"/>
              </a:xfrm>
              <a:custGeom>
                <a:avLst/>
                <a:gdLst/>
                <a:ahLst/>
                <a:cxnLst/>
                <a:rect l="l" t="t" r="r" b="b"/>
                <a:pathLst>
                  <a:path w="33568" h="9088" extrusionOk="0">
                    <a:moveTo>
                      <a:pt x="26804" y="1122"/>
                    </a:moveTo>
                    <a:cubicBezTo>
                      <a:pt x="26953" y="1122"/>
                      <a:pt x="27102" y="1123"/>
                      <a:pt x="27251" y="1123"/>
                    </a:cubicBezTo>
                    <a:lnTo>
                      <a:pt x="27251" y="1123"/>
                    </a:lnTo>
                    <a:cubicBezTo>
                      <a:pt x="28283" y="2133"/>
                      <a:pt x="29079" y="3627"/>
                      <a:pt x="29907" y="4800"/>
                    </a:cubicBezTo>
                    <a:cubicBezTo>
                      <a:pt x="30527" y="5686"/>
                      <a:pt x="31524" y="6783"/>
                      <a:pt x="32092" y="7868"/>
                    </a:cubicBezTo>
                    <a:lnTo>
                      <a:pt x="32092" y="7868"/>
                    </a:lnTo>
                    <a:cubicBezTo>
                      <a:pt x="31135" y="7736"/>
                      <a:pt x="29989" y="7679"/>
                      <a:pt x="29054" y="7546"/>
                    </a:cubicBezTo>
                    <a:cubicBezTo>
                      <a:pt x="26011" y="7101"/>
                      <a:pt x="22930" y="6655"/>
                      <a:pt x="19887" y="6210"/>
                    </a:cubicBezTo>
                    <a:lnTo>
                      <a:pt x="10944" y="4911"/>
                    </a:lnTo>
                    <a:cubicBezTo>
                      <a:pt x="10127" y="4800"/>
                      <a:pt x="9274" y="4651"/>
                      <a:pt x="8457" y="4540"/>
                    </a:cubicBezTo>
                    <a:cubicBezTo>
                      <a:pt x="7530" y="4429"/>
                      <a:pt x="6602" y="4280"/>
                      <a:pt x="5674" y="4132"/>
                    </a:cubicBezTo>
                    <a:cubicBezTo>
                      <a:pt x="4593" y="4026"/>
                      <a:pt x="3306" y="4071"/>
                      <a:pt x="2173" y="3866"/>
                    </a:cubicBezTo>
                    <a:lnTo>
                      <a:pt x="2173" y="3866"/>
                    </a:lnTo>
                    <a:cubicBezTo>
                      <a:pt x="3746" y="3521"/>
                      <a:pt x="5375" y="3345"/>
                      <a:pt x="6936" y="3056"/>
                    </a:cubicBezTo>
                    <a:cubicBezTo>
                      <a:pt x="9571" y="2610"/>
                      <a:pt x="12243" y="2165"/>
                      <a:pt x="14915" y="1868"/>
                    </a:cubicBezTo>
                    <a:cubicBezTo>
                      <a:pt x="18845" y="1381"/>
                      <a:pt x="22808" y="1122"/>
                      <a:pt x="26804" y="1122"/>
                    </a:cubicBezTo>
                    <a:close/>
                    <a:moveTo>
                      <a:pt x="27424" y="0"/>
                    </a:moveTo>
                    <a:cubicBezTo>
                      <a:pt x="27347" y="0"/>
                      <a:pt x="27273" y="18"/>
                      <a:pt x="27205" y="50"/>
                    </a:cubicBezTo>
                    <a:lnTo>
                      <a:pt x="27205" y="50"/>
                    </a:lnTo>
                    <a:cubicBezTo>
                      <a:pt x="22812" y="65"/>
                      <a:pt x="18419" y="327"/>
                      <a:pt x="14061" y="903"/>
                    </a:cubicBezTo>
                    <a:cubicBezTo>
                      <a:pt x="11872" y="1163"/>
                      <a:pt x="9645" y="1534"/>
                      <a:pt x="7455" y="1905"/>
                    </a:cubicBezTo>
                    <a:cubicBezTo>
                      <a:pt x="5229" y="2276"/>
                      <a:pt x="2780" y="2499"/>
                      <a:pt x="553" y="3204"/>
                    </a:cubicBezTo>
                    <a:cubicBezTo>
                      <a:pt x="340" y="3267"/>
                      <a:pt x="228" y="3427"/>
                      <a:pt x="200" y="3603"/>
                    </a:cubicBezTo>
                    <a:lnTo>
                      <a:pt x="200" y="3603"/>
                    </a:lnTo>
                    <a:cubicBezTo>
                      <a:pt x="14" y="3837"/>
                      <a:pt x="0" y="4206"/>
                      <a:pt x="330" y="4391"/>
                    </a:cubicBezTo>
                    <a:lnTo>
                      <a:pt x="367" y="4391"/>
                    </a:lnTo>
                    <a:cubicBezTo>
                      <a:pt x="2074" y="5282"/>
                      <a:pt x="4487" y="5059"/>
                      <a:pt x="6342" y="5319"/>
                    </a:cubicBezTo>
                    <a:cubicBezTo>
                      <a:pt x="7567" y="5468"/>
                      <a:pt x="8829" y="5653"/>
                      <a:pt x="10053" y="5839"/>
                    </a:cubicBezTo>
                    <a:lnTo>
                      <a:pt x="19108" y="7175"/>
                    </a:lnTo>
                    <a:cubicBezTo>
                      <a:pt x="22337" y="7620"/>
                      <a:pt x="25565" y="8103"/>
                      <a:pt x="28794" y="8548"/>
                    </a:cubicBezTo>
                    <a:cubicBezTo>
                      <a:pt x="29759" y="8696"/>
                      <a:pt x="30761" y="8808"/>
                      <a:pt x="31726" y="8956"/>
                    </a:cubicBezTo>
                    <a:cubicBezTo>
                      <a:pt x="32077" y="8988"/>
                      <a:pt x="32675" y="9075"/>
                      <a:pt x="32788" y="9075"/>
                    </a:cubicBezTo>
                    <a:cubicBezTo>
                      <a:pt x="32807" y="9075"/>
                      <a:pt x="32812" y="9073"/>
                      <a:pt x="32802" y="9067"/>
                    </a:cubicBezTo>
                    <a:lnTo>
                      <a:pt x="32802" y="9067"/>
                    </a:lnTo>
                    <a:cubicBezTo>
                      <a:pt x="32852" y="9081"/>
                      <a:pt x="32901" y="9087"/>
                      <a:pt x="32949" y="9087"/>
                    </a:cubicBezTo>
                    <a:cubicBezTo>
                      <a:pt x="33294" y="9087"/>
                      <a:pt x="33568" y="8758"/>
                      <a:pt x="33470" y="8399"/>
                    </a:cubicBezTo>
                    <a:cubicBezTo>
                      <a:pt x="33025" y="6952"/>
                      <a:pt x="31651" y="5468"/>
                      <a:pt x="30798" y="4243"/>
                    </a:cubicBezTo>
                    <a:cubicBezTo>
                      <a:pt x="29958" y="3034"/>
                      <a:pt x="29149" y="1521"/>
                      <a:pt x="28095" y="474"/>
                    </a:cubicBezTo>
                    <a:lnTo>
                      <a:pt x="28095" y="474"/>
                    </a:lnTo>
                    <a:cubicBezTo>
                      <a:pt x="28053" y="306"/>
                      <a:pt x="27931" y="153"/>
                      <a:pt x="27718" y="87"/>
                    </a:cubicBezTo>
                    <a:lnTo>
                      <a:pt x="27532" y="12"/>
                    </a:lnTo>
                    <a:cubicBezTo>
                      <a:pt x="27496" y="4"/>
                      <a:pt x="27460" y="0"/>
                      <a:pt x="27424" y="0"/>
                    </a:cubicBezTo>
                    <a:close/>
                  </a:path>
                </a:pathLst>
              </a:custGeom>
              <a:solidFill>
                <a:srgbClr val="344E66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400" b="0" i="0" u="none" strike="noStrike" kern="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36" name="Google Shape;1428;p32"/>
              <p:cNvSpPr/>
              <p:nvPr/>
            </p:nvSpPr>
            <p:spPr>
              <a:xfrm>
                <a:off x="3645302" y="1227792"/>
                <a:ext cx="435115" cy="183956"/>
              </a:xfrm>
              <a:custGeom>
                <a:avLst/>
                <a:gdLst/>
                <a:ahLst/>
                <a:cxnLst/>
                <a:rect l="l" t="t" r="r" b="b"/>
                <a:pathLst>
                  <a:path w="23937" h="10095" extrusionOk="0">
                    <a:moveTo>
                      <a:pt x="19706" y="1"/>
                    </a:moveTo>
                    <a:cubicBezTo>
                      <a:pt x="18667" y="594"/>
                      <a:pt x="17591" y="1114"/>
                      <a:pt x="16477" y="1559"/>
                    </a:cubicBezTo>
                    <a:cubicBezTo>
                      <a:pt x="16106" y="1893"/>
                      <a:pt x="15401" y="1930"/>
                      <a:pt x="14993" y="2264"/>
                    </a:cubicBezTo>
                    <a:cubicBezTo>
                      <a:pt x="14436" y="2561"/>
                      <a:pt x="14251" y="2932"/>
                      <a:pt x="13731" y="3006"/>
                    </a:cubicBezTo>
                    <a:cubicBezTo>
                      <a:pt x="12655" y="3489"/>
                      <a:pt x="11579" y="4008"/>
                      <a:pt x="10540" y="4602"/>
                    </a:cubicBezTo>
                    <a:cubicBezTo>
                      <a:pt x="8870" y="5233"/>
                      <a:pt x="7311" y="6124"/>
                      <a:pt x="5827" y="6829"/>
                    </a:cubicBezTo>
                    <a:cubicBezTo>
                      <a:pt x="4380" y="7534"/>
                      <a:pt x="116" y="9906"/>
                      <a:pt x="1" y="10094"/>
                    </a:cubicBezTo>
                    <a:lnTo>
                      <a:pt x="1" y="10094"/>
                    </a:lnTo>
                    <a:cubicBezTo>
                      <a:pt x="53" y="10044"/>
                      <a:pt x="11697" y="7050"/>
                      <a:pt x="14882" y="6606"/>
                    </a:cubicBezTo>
                    <a:lnTo>
                      <a:pt x="21487" y="5716"/>
                    </a:lnTo>
                    <a:cubicBezTo>
                      <a:pt x="21970" y="5641"/>
                      <a:pt x="23937" y="5456"/>
                      <a:pt x="23937" y="5456"/>
                    </a:cubicBezTo>
                    <a:lnTo>
                      <a:pt x="19706" y="1"/>
                    </a:lnTo>
                    <a:close/>
                    <a:moveTo>
                      <a:pt x="1" y="10094"/>
                    </a:moveTo>
                    <a:lnTo>
                      <a:pt x="1" y="10094"/>
                    </a:lnTo>
                    <a:cubicBezTo>
                      <a:pt x="1" y="10094"/>
                      <a:pt x="0" y="10094"/>
                      <a:pt x="0" y="10095"/>
                    </a:cubicBezTo>
                    <a:cubicBezTo>
                      <a:pt x="1" y="10094"/>
                      <a:pt x="1" y="10094"/>
                      <a:pt x="1" y="10094"/>
                    </a:cubicBezTo>
                    <a:close/>
                  </a:path>
                </a:pathLst>
              </a:custGeom>
              <a:solidFill>
                <a:srgbClr val="F9C74F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400" b="0" i="0" u="none" strike="noStrike" kern="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37" name="Google Shape;1429;p32"/>
              <p:cNvSpPr/>
              <p:nvPr/>
            </p:nvSpPr>
            <p:spPr>
              <a:xfrm>
                <a:off x="3632505" y="1218498"/>
                <a:ext cx="461399" cy="202452"/>
              </a:xfrm>
              <a:custGeom>
                <a:avLst/>
                <a:gdLst/>
                <a:ahLst/>
                <a:cxnLst/>
                <a:rect l="l" t="t" r="r" b="b"/>
                <a:pathLst>
                  <a:path w="25383" h="11110" extrusionOk="0">
                    <a:moveTo>
                      <a:pt x="20113" y="993"/>
                    </a:moveTo>
                    <a:lnTo>
                      <a:pt x="20116" y="996"/>
                    </a:lnTo>
                    <a:lnTo>
                      <a:pt x="20116" y="996"/>
                    </a:lnTo>
                    <a:cubicBezTo>
                      <a:pt x="20115" y="995"/>
                      <a:pt x="20114" y="994"/>
                      <a:pt x="20113" y="993"/>
                    </a:cubicBezTo>
                    <a:close/>
                    <a:moveTo>
                      <a:pt x="20270" y="1202"/>
                    </a:moveTo>
                    <a:lnTo>
                      <a:pt x="20893" y="2032"/>
                    </a:lnTo>
                    <a:lnTo>
                      <a:pt x="23654" y="5514"/>
                    </a:lnTo>
                    <a:lnTo>
                      <a:pt x="23654" y="5514"/>
                    </a:lnTo>
                    <a:cubicBezTo>
                      <a:pt x="20960" y="5805"/>
                      <a:pt x="18291" y="6197"/>
                      <a:pt x="15623" y="6560"/>
                    </a:cubicBezTo>
                    <a:cubicBezTo>
                      <a:pt x="15580" y="6566"/>
                      <a:pt x="15540" y="6576"/>
                      <a:pt x="15503" y="6589"/>
                    </a:cubicBezTo>
                    <a:lnTo>
                      <a:pt x="15503" y="6589"/>
                    </a:lnTo>
                    <a:cubicBezTo>
                      <a:pt x="15481" y="6591"/>
                      <a:pt x="15460" y="6593"/>
                      <a:pt x="15437" y="6597"/>
                    </a:cubicBezTo>
                    <a:cubicBezTo>
                      <a:pt x="11475" y="7213"/>
                      <a:pt x="7558" y="8224"/>
                      <a:pt x="3670" y="9244"/>
                    </a:cubicBezTo>
                    <a:lnTo>
                      <a:pt x="3670" y="9244"/>
                    </a:lnTo>
                    <a:cubicBezTo>
                      <a:pt x="4752" y="8701"/>
                      <a:pt x="5892" y="8232"/>
                      <a:pt x="6828" y="7784"/>
                    </a:cubicBezTo>
                    <a:cubicBezTo>
                      <a:pt x="10205" y="6114"/>
                      <a:pt x="13693" y="4593"/>
                      <a:pt x="16996" y="2774"/>
                    </a:cubicBezTo>
                    <a:cubicBezTo>
                      <a:pt x="17998" y="2218"/>
                      <a:pt x="19111" y="1809"/>
                      <a:pt x="20113" y="1290"/>
                    </a:cubicBezTo>
                    <a:cubicBezTo>
                      <a:pt x="20174" y="1257"/>
                      <a:pt x="20226" y="1228"/>
                      <a:pt x="20270" y="1202"/>
                    </a:cubicBezTo>
                    <a:close/>
                    <a:moveTo>
                      <a:pt x="20387" y="0"/>
                    </a:moveTo>
                    <a:cubicBezTo>
                      <a:pt x="20295" y="0"/>
                      <a:pt x="20201" y="21"/>
                      <a:pt x="20113" y="65"/>
                    </a:cubicBezTo>
                    <a:cubicBezTo>
                      <a:pt x="16922" y="1809"/>
                      <a:pt x="13582" y="3405"/>
                      <a:pt x="10242" y="4927"/>
                    </a:cubicBezTo>
                    <a:cubicBezTo>
                      <a:pt x="8127" y="5854"/>
                      <a:pt x="6048" y="6968"/>
                      <a:pt x="3970" y="8044"/>
                    </a:cubicBezTo>
                    <a:cubicBezTo>
                      <a:pt x="2820" y="8675"/>
                      <a:pt x="1298" y="9269"/>
                      <a:pt x="333" y="10196"/>
                    </a:cubicBezTo>
                    <a:cubicBezTo>
                      <a:pt x="0" y="10563"/>
                      <a:pt x="265" y="11109"/>
                      <a:pt x="699" y="11109"/>
                    </a:cubicBezTo>
                    <a:cubicBezTo>
                      <a:pt x="749" y="11109"/>
                      <a:pt x="800" y="11102"/>
                      <a:pt x="853" y="11087"/>
                    </a:cubicBezTo>
                    <a:cubicBezTo>
                      <a:pt x="5751" y="9825"/>
                      <a:pt x="10724" y="8378"/>
                      <a:pt x="15734" y="7636"/>
                    </a:cubicBezTo>
                    <a:cubicBezTo>
                      <a:pt x="15783" y="7628"/>
                      <a:pt x="15826" y="7615"/>
                      <a:pt x="15865" y="7598"/>
                    </a:cubicBezTo>
                    <a:lnTo>
                      <a:pt x="15865" y="7598"/>
                    </a:lnTo>
                    <a:cubicBezTo>
                      <a:pt x="18780" y="7200"/>
                      <a:pt x="21728" y="6774"/>
                      <a:pt x="24641" y="6522"/>
                    </a:cubicBezTo>
                    <a:cubicBezTo>
                      <a:pt x="25123" y="6485"/>
                      <a:pt x="25383" y="5929"/>
                      <a:pt x="25012" y="5595"/>
                    </a:cubicBezTo>
                    <a:lnTo>
                      <a:pt x="20781" y="139"/>
                    </a:lnTo>
                    <a:cubicBezTo>
                      <a:pt x="20669" y="50"/>
                      <a:pt x="20529" y="0"/>
                      <a:pt x="20387" y="0"/>
                    </a:cubicBezTo>
                    <a:close/>
                  </a:path>
                </a:pathLst>
              </a:custGeom>
              <a:solidFill>
                <a:srgbClr val="344E66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400" b="0" i="0" u="none" strike="noStrike" kern="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38" name="Google Shape;1430;p32"/>
              <p:cNvSpPr/>
              <p:nvPr/>
            </p:nvSpPr>
            <p:spPr>
              <a:xfrm>
                <a:off x="4068929" y="1320380"/>
                <a:ext cx="23631" cy="46996"/>
              </a:xfrm>
              <a:custGeom>
                <a:avLst/>
                <a:gdLst/>
                <a:ahLst/>
                <a:cxnLst/>
                <a:rect l="l" t="t" r="r" b="b"/>
                <a:pathLst>
                  <a:path w="1300" h="2579" extrusionOk="0">
                    <a:moveTo>
                      <a:pt x="759" y="1"/>
                    </a:moveTo>
                    <a:cubicBezTo>
                      <a:pt x="610" y="1"/>
                      <a:pt x="468" y="83"/>
                      <a:pt x="372" y="226"/>
                    </a:cubicBezTo>
                    <a:cubicBezTo>
                      <a:pt x="112" y="820"/>
                      <a:pt x="1" y="1488"/>
                      <a:pt x="38" y="2119"/>
                    </a:cubicBezTo>
                    <a:cubicBezTo>
                      <a:pt x="57" y="2420"/>
                      <a:pt x="305" y="2578"/>
                      <a:pt x="540" y="2578"/>
                    </a:cubicBezTo>
                    <a:cubicBezTo>
                      <a:pt x="768" y="2578"/>
                      <a:pt x="984" y="2430"/>
                      <a:pt x="966" y="2119"/>
                    </a:cubicBezTo>
                    <a:cubicBezTo>
                      <a:pt x="929" y="1636"/>
                      <a:pt x="1003" y="1154"/>
                      <a:pt x="1188" y="709"/>
                    </a:cubicBezTo>
                    <a:cubicBezTo>
                      <a:pt x="1300" y="486"/>
                      <a:pt x="1225" y="189"/>
                      <a:pt x="1003" y="78"/>
                    </a:cubicBezTo>
                    <a:cubicBezTo>
                      <a:pt x="924" y="25"/>
                      <a:pt x="840" y="1"/>
                      <a:pt x="759" y="1"/>
                    </a:cubicBezTo>
                    <a:close/>
                  </a:path>
                </a:pathLst>
              </a:custGeom>
              <a:solidFill>
                <a:srgbClr val="344E66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400" b="0" i="0" u="none" strike="noStrike" kern="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39" name="Google Shape;1431;p32"/>
              <p:cNvSpPr/>
              <p:nvPr/>
            </p:nvSpPr>
            <p:spPr>
              <a:xfrm>
                <a:off x="3642612" y="1426526"/>
                <a:ext cx="426335" cy="184721"/>
              </a:xfrm>
              <a:custGeom>
                <a:avLst/>
                <a:gdLst/>
                <a:ahLst/>
                <a:cxnLst/>
                <a:rect l="l" t="t" r="r" b="b"/>
                <a:pathLst>
                  <a:path w="23454" h="10137" extrusionOk="0">
                    <a:moveTo>
                      <a:pt x="29" y="0"/>
                    </a:moveTo>
                    <a:cubicBezTo>
                      <a:pt x="16" y="0"/>
                      <a:pt x="7" y="2"/>
                      <a:pt x="0" y="5"/>
                    </a:cubicBezTo>
                    <a:lnTo>
                      <a:pt x="3847" y="1667"/>
                    </a:lnTo>
                    <a:lnTo>
                      <a:pt x="3847" y="1667"/>
                    </a:lnTo>
                    <a:cubicBezTo>
                      <a:pt x="2020" y="783"/>
                      <a:pt x="307" y="0"/>
                      <a:pt x="29" y="0"/>
                    </a:cubicBezTo>
                    <a:close/>
                    <a:moveTo>
                      <a:pt x="3847" y="1667"/>
                    </a:moveTo>
                    <a:cubicBezTo>
                      <a:pt x="5678" y="2552"/>
                      <a:pt x="7623" y="3539"/>
                      <a:pt x="8350" y="3939"/>
                    </a:cubicBezTo>
                    <a:cubicBezTo>
                      <a:pt x="9871" y="4570"/>
                      <a:pt x="22006" y="9765"/>
                      <a:pt x="23454" y="10136"/>
                    </a:cubicBezTo>
                    <a:lnTo>
                      <a:pt x="3847" y="1667"/>
                    </a:lnTo>
                    <a:close/>
                  </a:path>
                </a:pathLst>
              </a:custGeom>
              <a:solidFill>
                <a:srgbClr val="344E66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400" b="0" i="0" u="none" strike="noStrike" kern="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40" name="Google Shape;1432;p32"/>
              <p:cNvSpPr/>
              <p:nvPr/>
            </p:nvSpPr>
            <p:spPr>
              <a:xfrm>
                <a:off x="3631142" y="1417124"/>
                <a:ext cx="450675" cy="203764"/>
              </a:xfrm>
              <a:custGeom>
                <a:avLst/>
                <a:gdLst/>
                <a:ahLst/>
                <a:cxnLst/>
                <a:rect l="l" t="t" r="r" b="b"/>
                <a:pathLst>
                  <a:path w="24793" h="11182" extrusionOk="0">
                    <a:moveTo>
                      <a:pt x="685" y="1"/>
                    </a:moveTo>
                    <a:cubicBezTo>
                      <a:pt x="667" y="1"/>
                      <a:pt x="649" y="1"/>
                      <a:pt x="631" y="1"/>
                    </a:cubicBezTo>
                    <a:cubicBezTo>
                      <a:pt x="0" y="39"/>
                      <a:pt x="0" y="966"/>
                      <a:pt x="631" y="1040"/>
                    </a:cubicBezTo>
                    <a:cubicBezTo>
                      <a:pt x="1336" y="1040"/>
                      <a:pt x="2412" y="1783"/>
                      <a:pt x="3006" y="2080"/>
                    </a:cubicBezTo>
                    <a:cubicBezTo>
                      <a:pt x="4342" y="2673"/>
                      <a:pt x="5641" y="3341"/>
                      <a:pt x="6940" y="3972"/>
                    </a:cubicBezTo>
                    <a:cubicBezTo>
                      <a:pt x="8313" y="4714"/>
                      <a:pt x="9723" y="5345"/>
                      <a:pt x="11207" y="5976"/>
                    </a:cubicBezTo>
                    <a:cubicBezTo>
                      <a:pt x="15364" y="7720"/>
                      <a:pt x="19594" y="9910"/>
                      <a:pt x="23936" y="11172"/>
                    </a:cubicBezTo>
                    <a:cubicBezTo>
                      <a:pt x="23973" y="11178"/>
                      <a:pt x="24009" y="11181"/>
                      <a:pt x="24043" y="11181"/>
                    </a:cubicBezTo>
                    <a:cubicBezTo>
                      <a:pt x="24595" y="11181"/>
                      <a:pt x="24792" y="10379"/>
                      <a:pt x="24233" y="10170"/>
                    </a:cubicBezTo>
                    <a:cubicBezTo>
                      <a:pt x="19891" y="8871"/>
                      <a:pt x="15661" y="6718"/>
                      <a:pt x="11467" y="4937"/>
                    </a:cubicBezTo>
                    <a:cubicBezTo>
                      <a:pt x="9686" y="4195"/>
                      <a:pt x="7942" y="3304"/>
                      <a:pt x="6198" y="2451"/>
                    </a:cubicBezTo>
                    <a:cubicBezTo>
                      <a:pt x="4765" y="1716"/>
                      <a:pt x="2389" y="1"/>
                      <a:pt x="685" y="1"/>
                    </a:cubicBezTo>
                    <a:close/>
                  </a:path>
                </a:pathLst>
              </a:custGeom>
              <a:solidFill>
                <a:srgbClr val="344E66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400" b="0" i="0" u="none" strike="noStrike" kern="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  <p:sp>
            <p:nvSpPr>
              <p:cNvPr id="41" name="Google Shape;1433;p32"/>
              <p:cNvSpPr/>
              <p:nvPr/>
            </p:nvSpPr>
            <p:spPr>
              <a:xfrm>
                <a:off x="4060767" y="1498141"/>
                <a:ext cx="74164" cy="126409"/>
              </a:xfrm>
              <a:custGeom>
                <a:avLst/>
                <a:gdLst/>
                <a:ahLst/>
                <a:cxnLst/>
                <a:rect l="l" t="t" r="r" b="b"/>
                <a:pathLst>
                  <a:path w="4080" h="6937" extrusionOk="0">
                    <a:moveTo>
                      <a:pt x="3441" y="1"/>
                    </a:moveTo>
                    <a:cubicBezTo>
                      <a:pt x="3301" y="1"/>
                      <a:pt x="3166" y="69"/>
                      <a:pt x="3085" y="231"/>
                    </a:cubicBezTo>
                    <a:cubicBezTo>
                      <a:pt x="2120" y="2235"/>
                      <a:pt x="1081" y="4202"/>
                      <a:pt x="153" y="6243"/>
                    </a:cubicBezTo>
                    <a:cubicBezTo>
                      <a:pt x="1" y="6599"/>
                      <a:pt x="317" y="6937"/>
                      <a:pt x="615" y="6937"/>
                    </a:cubicBezTo>
                    <a:cubicBezTo>
                      <a:pt x="753" y="6937"/>
                      <a:pt x="887" y="6864"/>
                      <a:pt x="969" y="6688"/>
                    </a:cubicBezTo>
                    <a:cubicBezTo>
                      <a:pt x="1897" y="4647"/>
                      <a:pt x="2936" y="2718"/>
                      <a:pt x="3901" y="714"/>
                    </a:cubicBezTo>
                    <a:cubicBezTo>
                      <a:pt x="4080" y="331"/>
                      <a:pt x="3749" y="1"/>
                      <a:pt x="3441" y="1"/>
                    </a:cubicBezTo>
                    <a:close/>
                  </a:path>
                </a:pathLst>
              </a:custGeom>
              <a:solidFill>
                <a:srgbClr val="344E66"/>
              </a:solidFill>
              <a:ln>
                <a:noFill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400" b="0" i="0" u="none" strike="noStrike" kern="0" cap="none" spc="0" normalizeH="0" baseline="0" noProof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맑은 고딕"/>
                  <a:cs typeface="Arial"/>
                  <a:sym typeface="Arial"/>
                </a:endParaRPr>
              </a:p>
            </p:txBody>
          </p:sp>
        </p:grpSp>
      </p:grpSp>
      <p:sp>
        <p:nvSpPr>
          <p:cNvPr id="42" name="Dikdörtgen 41"/>
          <p:cNvSpPr/>
          <p:nvPr/>
        </p:nvSpPr>
        <p:spPr>
          <a:xfrm>
            <a:off x="7511235" y="2306424"/>
            <a:ext cx="3840481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Kur’an-ı Kerim’in ilk suresi:</a:t>
            </a:r>
            <a:r>
              <a:rPr kumimoji="0" lang="tr-TR" sz="2800" b="0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 </a:t>
            </a: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Fatiha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604753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0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4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5" grpId="0" animBg="1"/>
      <p:bldP spid="27" grpId="0" animBg="1"/>
      <p:bldP spid="42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1" name="Grup 20"/>
          <p:cNvGrpSpPr/>
          <p:nvPr/>
        </p:nvGrpSpPr>
        <p:grpSpPr>
          <a:xfrm>
            <a:off x="536050" y="1241259"/>
            <a:ext cx="5293251" cy="786062"/>
            <a:chOff x="946484" y="753981"/>
            <a:chExt cx="5293251" cy="786062"/>
          </a:xfrm>
        </p:grpSpPr>
        <p:sp>
          <p:nvSpPr>
            <p:cNvPr id="13" name="Serbest Form 12"/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solidFill>
                <a:srgbClr val="2F528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14" name="Dikdörtgen 13"/>
            <p:cNvSpPr/>
            <p:nvPr/>
          </p:nvSpPr>
          <p:spPr>
            <a:xfrm>
              <a:off x="1828801" y="753981"/>
              <a:ext cx="4410934" cy="786062"/>
            </a:xfrm>
            <a:prstGeom prst="rect">
              <a:avLst/>
            </a:prstGeom>
            <a:solidFill>
              <a:schemeClr val="accent4">
                <a:lumMod val="60000"/>
                <a:lumOff val="4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4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7 ayettir</a:t>
              </a: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.</a:t>
              </a:r>
            </a:p>
          </p:txBody>
        </p:sp>
      </p:grpSp>
      <p:sp>
        <p:nvSpPr>
          <p:cNvPr id="20" name="Dikdörtgen 19"/>
          <p:cNvSpPr/>
          <p:nvPr/>
        </p:nvSpPr>
        <p:spPr>
          <a:xfrm>
            <a:off x="339771" y="1095138"/>
            <a:ext cx="1304854" cy="110799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rPr>
              <a:t>✓</a:t>
            </a:r>
          </a:p>
        </p:txBody>
      </p:sp>
      <p:grpSp>
        <p:nvGrpSpPr>
          <p:cNvPr id="22" name="Grup 21"/>
          <p:cNvGrpSpPr/>
          <p:nvPr/>
        </p:nvGrpSpPr>
        <p:grpSpPr>
          <a:xfrm>
            <a:off x="536050" y="2596817"/>
            <a:ext cx="5293251" cy="786062"/>
            <a:chOff x="946484" y="753981"/>
            <a:chExt cx="5293251" cy="786062"/>
          </a:xfrm>
        </p:grpSpPr>
        <p:sp>
          <p:nvSpPr>
            <p:cNvPr id="23" name="Serbest Form 22"/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solidFill>
                <a:srgbClr val="2F528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24" name="Dikdörtgen 23"/>
            <p:cNvSpPr/>
            <p:nvPr/>
          </p:nvSpPr>
          <p:spPr>
            <a:xfrm>
              <a:off x="1828800" y="753981"/>
              <a:ext cx="4410935" cy="786062"/>
            </a:xfrm>
            <a:prstGeom prst="rect">
              <a:avLst/>
            </a:prstGeom>
            <a:solidFill>
              <a:schemeClr val="accent4">
                <a:lumMod val="60000"/>
                <a:lumOff val="4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4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En kısa suredir.</a:t>
              </a:r>
            </a:p>
          </p:txBody>
        </p:sp>
      </p:grpSp>
      <p:sp>
        <p:nvSpPr>
          <p:cNvPr id="25" name="Dikdörtgen 24"/>
          <p:cNvSpPr/>
          <p:nvPr/>
        </p:nvSpPr>
        <p:spPr>
          <a:xfrm>
            <a:off x="602746" y="2457630"/>
            <a:ext cx="748923" cy="110799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Open Sans" panose="020B0606030504020204" pitchFamily="34" charset="0"/>
                <a:ea typeface="+mn-ea"/>
                <a:cs typeface="+mn-cs"/>
              </a:rPr>
              <a:t>X</a:t>
            </a:r>
          </a:p>
        </p:txBody>
      </p:sp>
      <p:grpSp>
        <p:nvGrpSpPr>
          <p:cNvPr id="27" name="Grup 26"/>
          <p:cNvGrpSpPr/>
          <p:nvPr/>
        </p:nvGrpSpPr>
        <p:grpSpPr>
          <a:xfrm>
            <a:off x="602746" y="3833063"/>
            <a:ext cx="5226555" cy="786062"/>
            <a:chOff x="946484" y="753981"/>
            <a:chExt cx="5226555" cy="786062"/>
          </a:xfrm>
        </p:grpSpPr>
        <p:sp>
          <p:nvSpPr>
            <p:cNvPr id="28" name="Serbest Form 27"/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solidFill>
                <a:srgbClr val="2F528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29" name="Dikdörtgen 28"/>
            <p:cNvSpPr/>
            <p:nvPr/>
          </p:nvSpPr>
          <p:spPr>
            <a:xfrm>
              <a:off x="1828801" y="753981"/>
              <a:ext cx="4344238" cy="786062"/>
            </a:xfrm>
            <a:prstGeom prst="rect">
              <a:avLst/>
            </a:prstGeom>
            <a:solidFill>
              <a:schemeClr val="accent4">
                <a:lumMod val="60000"/>
                <a:lumOff val="4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4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Namazların</a:t>
              </a:r>
              <a:r>
                <a:rPr kumimoji="0" lang="tr-TR" sz="2400" b="0" i="0" u="none" strike="noStrike" kern="1200" cap="none" spc="0" normalizeH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her rekatında</a:t>
              </a:r>
              <a:r>
                <a:rPr kumimoji="0" lang="tr-TR" sz="24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okunur.</a:t>
              </a:r>
            </a:p>
          </p:txBody>
        </p:sp>
      </p:grpSp>
      <p:sp>
        <p:nvSpPr>
          <p:cNvPr id="30" name="Dikdörtgen 29"/>
          <p:cNvSpPr/>
          <p:nvPr/>
        </p:nvSpPr>
        <p:spPr>
          <a:xfrm>
            <a:off x="391477" y="3641971"/>
            <a:ext cx="1304854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72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rPr>
              <a:t>✓</a:t>
            </a:r>
          </a:p>
        </p:txBody>
      </p:sp>
      <p:grpSp>
        <p:nvGrpSpPr>
          <p:cNvPr id="31" name="Grup 30"/>
          <p:cNvGrpSpPr/>
          <p:nvPr/>
        </p:nvGrpSpPr>
        <p:grpSpPr>
          <a:xfrm>
            <a:off x="602746" y="5188621"/>
            <a:ext cx="5226555" cy="786062"/>
            <a:chOff x="946484" y="753981"/>
            <a:chExt cx="5226555" cy="786062"/>
          </a:xfrm>
        </p:grpSpPr>
        <p:sp>
          <p:nvSpPr>
            <p:cNvPr id="32" name="Serbest Form 31"/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solidFill>
                <a:srgbClr val="2F528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33" name="Dikdörtgen 32"/>
            <p:cNvSpPr/>
            <p:nvPr/>
          </p:nvSpPr>
          <p:spPr>
            <a:xfrm>
              <a:off x="1828800" y="753981"/>
              <a:ext cx="4344239" cy="786062"/>
            </a:xfrm>
            <a:prstGeom prst="rect">
              <a:avLst/>
            </a:prstGeom>
            <a:solidFill>
              <a:schemeClr val="accent4">
                <a:lumMod val="60000"/>
                <a:lumOff val="4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Namazdan söz eder.</a:t>
              </a:r>
            </a:p>
          </p:txBody>
        </p:sp>
      </p:grpSp>
      <p:sp>
        <p:nvSpPr>
          <p:cNvPr id="34" name="Dikdörtgen 33"/>
          <p:cNvSpPr/>
          <p:nvPr/>
        </p:nvSpPr>
        <p:spPr>
          <a:xfrm>
            <a:off x="669442" y="5049434"/>
            <a:ext cx="748923" cy="110799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Open Sans" panose="020B0606030504020204" pitchFamily="34" charset="0"/>
                <a:ea typeface="+mn-ea"/>
                <a:cs typeface="+mn-cs"/>
              </a:rPr>
              <a:t>X</a:t>
            </a:r>
          </a:p>
        </p:txBody>
      </p:sp>
      <p:grpSp>
        <p:nvGrpSpPr>
          <p:cNvPr id="35" name="Grup 34"/>
          <p:cNvGrpSpPr/>
          <p:nvPr/>
        </p:nvGrpSpPr>
        <p:grpSpPr>
          <a:xfrm>
            <a:off x="6573174" y="1241259"/>
            <a:ext cx="5226555" cy="786062"/>
            <a:chOff x="946484" y="753981"/>
            <a:chExt cx="5226555" cy="786062"/>
          </a:xfrm>
        </p:grpSpPr>
        <p:sp>
          <p:nvSpPr>
            <p:cNvPr id="36" name="Serbest Form 35"/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solidFill>
                <a:srgbClr val="2F528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37" name="Dikdörtgen 36"/>
            <p:cNvSpPr/>
            <p:nvPr/>
          </p:nvSpPr>
          <p:spPr>
            <a:xfrm>
              <a:off x="1828801" y="753981"/>
              <a:ext cx="4344238" cy="786062"/>
            </a:xfrm>
            <a:prstGeom prst="rect">
              <a:avLst/>
            </a:prstGeom>
            <a:solidFill>
              <a:schemeClr val="accent4">
                <a:lumMod val="60000"/>
                <a:lumOff val="4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4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Kur’an-ı Kerim’in ilk suresidir.</a:t>
              </a:r>
            </a:p>
          </p:txBody>
        </p:sp>
      </p:grpSp>
      <p:sp>
        <p:nvSpPr>
          <p:cNvPr id="38" name="Dikdörtgen 37"/>
          <p:cNvSpPr/>
          <p:nvPr/>
        </p:nvSpPr>
        <p:spPr>
          <a:xfrm>
            <a:off x="6376192" y="1093030"/>
            <a:ext cx="1304854" cy="110799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rPr>
              <a:t>✓</a:t>
            </a:r>
          </a:p>
        </p:txBody>
      </p:sp>
      <p:grpSp>
        <p:nvGrpSpPr>
          <p:cNvPr id="39" name="Grup 38"/>
          <p:cNvGrpSpPr/>
          <p:nvPr/>
        </p:nvGrpSpPr>
        <p:grpSpPr>
          <a:xfrm>
            <a:off x="6610351" y="3873490"/>
            <a:ext cx="5189379" cy="908371"/>
            <a:chOff x="946484" y="753980"/>
            <a:chExt cx="5189379" cy="908371"/>
          </a:xfrm>
        </p:grpSpPr>
        <p:sp>
          <p:nvSpPr>
            <p:cNvPr id="40" name="Serbest Form 39"/>
            <p:cNvSpPr/>
            <p:nvPr/>
          </p:nvSpPr>
          <p:spPr>
            <a:xfrm>
              <a:off x="946484" y="753980"/>
              <a:ext cx="882316" cy="908371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solidFill>
                <a:srgbClr val="2F528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41" name="Dikdörtgen 40"/>
            <p:cNvSpPr/>
            <p:nvPr/>
          </p:nvSpPr>
          <p:spPr>
            <a:xfrm>
              <a:off x="1828801" y="753980"/>
              <a:ext cx="4307062" cy="893381"/>
            </a:xfrm>
            <a:prstGeom prst="rect">
              <a:avLst/>
            </a:prstGeom>
            <a:solidFill>
              <a:schemeClr val="accent4">
                <a:lumMod val="60000"/>
                <a:lumOff val="4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4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İçinde Hz. Muhammed’in adı geçiyor. </a:t>
              </a:r>
            </a:p>
          </p:txBody>
        </p:sp>
      </p:grpSp>
      <p:sp>
        <p:nvSpPr>
          <p:cNvPr id="42" name="Dikdörtgen 41"/>
          <p:cNvSpPr/>
          <p:nvPr/>
        </p:nvSpPr>
        <p:spPr>
          <a:xfrm>
            <a:off x="6788303" y="3854224"/>
            <a:ext cx="646331" cy="9233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Open Sans" panose="020B0606030504020204" pitchFamily="34" charset="0"/>
                <a:ea typeface="+mn-ea"/>
                <a:cs typeface="+mn-cs"/>
              </a:rPr>
              <a:t>X</a:t>
            </a:r>
          </a:p>
        </p:txBody>
      </p:sp>
      <p:grpSp>
        <p:nvGrpSpPr>
          <p:cNvPr id="43" name="Grup 42"/>
          <p:cNvGrpSpPr/>
          <p:nvPr/>
        </p:nvGrpSpPr>
        <p:grpSpPr>
          <a:xfrm>
            <a:off x="6573174" y="2521119"/>
            <a:ext cx="5226555" cy="786062"/>
            <a:chOff x="946484" y="753981"/>
            <a:chExt cx="5226555" cy="786062"/>
          </a:xfrm>
        </p:grpSpPr>
        <p:sp>
          <p:nvSpPr>
            <p:cNvPr id="44" name="Serbest Form 43"/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solidFill>
                <a:srgbClr val="2F528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45" name="Dikdörtgen 44"/>
            <p:cNvSpPr/>
            <p:nvPr/>
          </p:nvSpPr>
          <p:spPr>
            <a:xfrm>
              <a:off x="1828801" y="753981"/>
              <a:ext cx="4344238" cy="786062"/>
            </a:xfrm>
            <a:prstGeom prst="rect">
              <a:avLst/>
            </a:prstGeom>
            <a:solidFill>
              <a:schemeClr val="accent4">
                <a:lumMod val="60000"/>
                <a:lumOff val="4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4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Fatiha;</a:t>
              </a:r>
              <a:r>
                <a:rPr kumimoji="0" lang="tr-TR" sz="2400" b="0" i="0" u="none" strike="noStrike" kern="1200" cap="none" spc="0" normalizeH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açan, açılış anlamına gelir.</a:t>
              </a:r>
              <a:endPara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46" name="Dikdörtgen 45"/>
          <p:cNvSpPr/>
          <p:nvPr/>
        </p:nvSpPr>
        <p:spPr>
          <a:xfrm>
            <a:off x="6361905" y="2330027"/>
            <a:ext cx="1304854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72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rPr>
              <a:t>✓</a:t>
            </a:r>
          </a:p>
        </p:txBody>
      </p:sp>
      <p:grpSp>
        <p:nvGrpSpPr>
          <p:cNvPr id="47" name="Grup 46"/>
          <p:cNvGrpSpPr/>
          <p:nvPr/>
        </p:nvGrpSpPr>
        <p:grpSpPr>
          <a:xfrm>
            <a:off x="6610351" y="5237340"/>
            <a:ext cx="5226555" cy="786062"/>
            <a:chOff x="946484" y="753981"/>
            <a:chExt cx="5226555" cy="786062"/>
          </a:xfrm>
        </p:grpSpPr>
        <p:sp>
          <p:nvSpPr>
            <p:cNvPr id="48" name="Serbest Form 47"/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solidFill>
                <a:srgbClr val="2F528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49" name="Dikdörtgen 48"/>
            <p:cNvSpPr/>
            <p:nvPr/>
          </p:nvSpPr>
          <p:spPr>
            <a:xfrm>
              <a:off x="1828801" y="753981"/>
              <a:ext cx="4344238" cy="786062"/>
            </a:xfrm>
            <a:prstGeom prst="rect">
              <a:avLst/>
            </a:prstGeom>
            <a:solidFill>
              <a:schemeClr val="accent4">
                <a:lumMod val="60000"/>
                <a:lumOff val="4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4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Her namazda okunan bir suredir.</a:t>
              </a:r>
            </a:p>
          </p:txBody>
        </p:sp>
      </p:grpSp>
      <p:sp>
        <p:nvSpPr>
          <p:cNvPr id="50" name="Dikdörtgen 49"/>
          <p:cNvSpPr/>
          <p:nvPr/>
        </p:nvSpPr>
        <p:spPr>
          <a:xfrm>
            <a:off x="6399082" y="5046248"/>
            <a:ext cx="1304854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7200" b="1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rPr>
              <a:t>✓</a:t>
            </a:r>
          </a:p>
        </p:txBody>
      </p:sp>
      <p:sp>
        <p:nvSpPr>
          <p:cNvPr id="54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6439394"/>
            <a:ext cx="12192000" cy="38837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5" name="Komut Düğmesi: Geri veya Önceki 54">
            <a:hlinkClick r:id="" action="ppaction://hlinkshowjump?jump=previousslide" highlightClick="1"/>
          </p:cNvPr>
          <p:cNvSpPr/>
          <p:nvPr/>
        </p:nvSpPr>
        <p:spPr>
          <a:xfrm>
            <a:off x="10619874" y="6439394"/>
            <a:ext cx="437317" cy="388376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6" name="Komut Düğmesi: İleri veya Sonraki 55">
            <a:hlinkClick r:id="" action="ppaction://hlinkshowjump?jump=nextslide" highlightClick="1"/>
          </p:cNvPr>
          <p:cNvSpPr/>
          <p:nvPr/>
        </p:nvSpPr>
        <p:spPr>
          <a:xfrm>
            <a:off x="11743376" y="6439394"/>
            <a:ext cx="412785" cy="372343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7" name="Komut Düğmesi: Giriş 56">
            <a:hlinkClick r:id="" action="ppaction://hlinkshowjump?jump=firstslide" highlightClick="1"/>
          </p:cNvPr>
          <p:cNvSpPr/>
          <p:nvPr/>
        </p:nvSpPr>
        <p:spPr>
          <a:xfrm>
            <a:off x="11137184" y="6439394"/>
            <a:ext cx="526199" cy="372343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1" name="Unvan 1"/>
          <p:cNvSpPr txBox="1">
            <a:spLocks/>
          </p:cNvSpPr>
          <p:nvPr/>
        </p:nvSpPr>
        <p:spPr>
          <a:xfrm>
            <a:off x="385763" y="194801"/>
            <a:ext cx="11515725" cy="809295"/>
          </a:xfrm>
          <a:prstGeom prst="rect">
            <a:avLst/>
          </a:prstGeom>
          <a:solidFill>
            <a:srgbClr val="C00000"/>
          </a:solidFill>
          <a:ln>
            <a:noFill/>
          </a:ln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9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j-ea"/>
                <a:cs typeface="+mj-cs"/>
              </a:rPr>
              <a:t>Fatiha suresiyle ilgili doğru olanları işaretleyelim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505688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2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7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3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5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9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4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3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3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4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9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7"/>
                  </p:tgtEl>
                </p:cond>
              </p:nextCondLst>
            </p:seq>
          </p:childTnLst>
        </p:cTn>
      </p:par>
    </p:tnLst>
    <p:bldLst>
      <p:bldP spid="20" grpId="0"/>
      <p:bldP spid="25" grpId="0"/>
      <p:bldP spid="30" grpId="0"/>
      <p:bldP spid="34" grpId="0"/>
      <p:bldP spid="38" grpId="0"/>
      <p:bldP spid="42" grpId="0"/>
      <p:bldP spid="46" grpId="0"/>
      <p:bldP spid="5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oogle Shape;2282;p54"/>
          <p:cNvGrpSpPr/>
          <p:nvPr/>
        </p:nvGrpSpPr>
        <p:grpSpPr>
          <a:xfrm>
            <a:off x="5197396" y="1289616"/>
            <a:ext cx="6404053" cy="4634934"/>
            <a:chOff x="3578510" y="1419647"/>
            <a:chExt cx="4021500" cy="3062887"/>
          </a:xfrm>
        </p:grpSpPr>
        <p:sp>
          <p:nvSpPr>
            <p:cNvPr id="3" name="Google Shape;2283;p54"/>
            <p:cNvSpPr/>
            <p:nvPr/>
          </p:nvSpPr>
          <p:spPr>
            <a:xfrm>
              <a:off x="3716658" y="1548119"/>
              <a:ext cx="3748500" cy="228570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" name="Google Shape;2284;p54"/>
            <p:cNvSpPr/>
            <p:nvPr/>
          </p:nvSpPr>
          <p:spPr>
            <a:xfrm>
              <a:off x="3578510" y="1419647"/>
              <a:ext cx="4021500" cy="2544300"/>
            </a:xfrm>
            <a:prstGeom prst="roundRect">
              <a:avLst>
                <a:gd name="adj" fmla="val 3857"/>
              </a:avLst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5" name="Google Shape;2285;p54"/>
            <p:cNvSpPr/>
            <p:nvPr/>
          </p:nvSpPr>
          <p:spPr>
            <a:xfrm>
              <a:off x="4900908" y="3963886"/>
              <a:ext cx="1373274" cy="518648"/>
            </a:xfrm>
            <a:custGeom>
              <a:avLst/>
              <a:gdLst/>
              <a:ahLst/>
              <a:cxnLst/>
              <a:rect l="l" t="t" r="r" b="b"/>
              <a:pathLst>
                <a:path w="65999" h="24926" extrusionOk="0">
                  <a:moveTo>
                    <a:pt x="13372" y="0"/>
                  </a:moveTo>
                  <a:cubicBezTo>
                    <a:pt x="13051" y="1881"/>
                    <a:pt x="12653" y="8225"/>
                    <a:pt x="11445" y="11283"/>
                  </a:cubicBezTo>
                  <a:cubicBezTo>
                    <a:pt x="10237" y="14341"/>
                    <a:pt x="7883" y="16511"/>
                    <a:pt x="6125" y="18346"/>
                  </a:cubicBezTo>
                  <a:cubicBezTo>
                    <a:pt x="4367" y="20181"/>
                    <a:pt x="1875" y="21297"/>
                    <a:pt x="896" y="22291"/>
                  </a:cubicBezTo>
                  <a:cubicBezTo>
                    <a:pt x="-82" y="23285"/>
                    <a:pt x="-174" y="23896"/>
                    <a:pt x="254" y="24309"/>
                  </a:cubicBezTo>
                  <a:cubicBezTo>
                    <a:pt x="682" y="24722"/>
                    <a:pt x="805" y="24692"/>
                    <a:pt x="3465" y="24768"/>
                  </a:cubicBezTo>
                  <a:cubicBezTo>
                    <a:pt x="6125" y="24845"/>
                    <a:pt x="10925" y="24768"/>
                    <a:pt x="16215" y="24768"/>
                  </a:cubicBezTo>
                  <a:cubicBezTo>
                    <a:pt x="21505" y="24768"/>
                    <a:pt x="28630" y="24768"/>
                    <a:pt x="35204" y="24768"/>
                  </a:cubicBezTo>
                  <a:cubicBezTo>
                    <a:pt x="41778" y="24768"/>
                    <a:pt x="50783" y="24768"/>
                    <a:pt x="55660" y="24768"/>
                  </a:cubicBezTo>
                  <a:cubicBezTo>
                    <a:pt x="60537" y="24768"/>
                    <a:pt x="62754" y="25104"/>
                    <a:pt x="64466" y="24768"/>
                  </a:cubicBezTo>
                  <a:cubicBezTo>
                    <a:pt x="66178" y="24432"/>
                    <a:pt x="66056" y="23346"/>
                    <a:pt x="65934" y="22750"/>
                  </a:cubicBezTo>
                  <a:cubicBezTo>
                    <a:pt x="65812" y="22154"/>
                    <a:pt x="65353" y="22765"/>
                    <a:pt x="63732" y="21190"/>
                  </a:cubicBezTo>
                  <a:cubicBezTo>
                    <a:pt x="62111" y="19615"/>
                    <a:pt x="57999" y="16512"/>
                    <a:pt x="56210" y="13301"/>
                  </a:cubicBezTo>
                  <a:cubicBezTo>
                    <a:pt x="54421" y="10091"/>
                    <a:pt x="53505" y="4083"/>
                    <a:pt x="53000" y="1927"/>
                  </a:cubicBezTo>
                  <a:cubicBezTo>
                    <a:pt x="52496" y="-229"/>
                    <a:pt x="53153" y="627"/>
                    <a:pt x="53183" y="367"/>
                  </a:cubicBezTo>
                </a:path>
              </a:pathLst>
            </a:cu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  <p:txBody>
            <a:bodyPr/>
            <a:lstStyle/>
            <a:p>
              <a:endParaRPr lang="tr-TR"/>
            </a:p>
          </p:txBody>
        </p:sp>
        <p:cxnSp>
          <p:nvCxnSpPr>
            <p:cNvPr id="6" name="Google Shape;2286;p54"/>
            <p:cNvCxnSpPr/>
            <p:nvPr/>
          </p:nvCxnSpPr>
          <p:spPr>
            <a:xfrm>
              <a:off x="4915750" y="4433452"/>
              <a:ext cx="1353300" cy="0"/>
            </a:xfrm>
            <a:prstGeom prst="straightConnector1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grpSp>
        <p:nvGrpSpPr>
          <p:cNvPr id="8" name="Google Shape;2299;p54"/>
          <p:cNvGrpSpPr/>
          <p:nvPr/>
        </p:nvGrpSpPr>
        <p:grpSpPr>
          <a:xfrm>
            <a:off x="7086600" y="6095160"/>
            <a:ext cx="2358113" cy="362790"/>
            <a:chOff x="1816609" y="3851001"/>
            <a:chExt cx="1093674" cy="222193"/>
          </a:xfrm>
        </p:grpSpPr>
        <p:sp>
          <p:nvSpPr>
            <p:cNvPr id="9" name="Google Shape;2300;p54"/>
            <p:cNvSpPr/>
            <p:nvPr/>
          </p:nvSpPr>
          <p:spPr>
            <a:xfrm>
              <a:off x="1816609" y="3851001"/>
              <a:ext cx="1093674" cy="222193"/>
            </a:xfrm>
            <a:custGeom>
              <a:avLst/>
              <a:gdLst/>
              <a:ahLst/>
              <a:cxnLst/>
              <a:rect l="l" t="t" r="r" b="b"/>
              <a:pathLst>
                <a:path w="38900" h="7903" extrusionOk="0">
                  <a:moveTo>
                    <a:pt x="32154" y="852"/>
                  </a:moveTo>
                  <a:cubicBezTo>
                    <a:pt x="32029" y="852"/>
                    <a:pt x="31911" y="870"/>
                    <a:pt x="31815" y="910"/>
                  </a:cubicBezTo>
                  <a:cubicBezTo>
                    <a:pt x="30934" y="1259"/>
                    <a:pt x="30057" y="1619"/>
                    <a:pt x="29183" y="1986"/>
                  </a:cubicBezTo>
                  <a:cubicBezTo>
                    <a:pt x="30289" y="1683"/>
                    <a:pt x="31405" y="1423"/>
                    <a:pt x="32535" y="1209"/>
                  </a:cubicBezTo>
                  <a:cubicBezTo>
                    <a:pt x="32581" y="1198"/>
                    <a:pt x="32635" y="1195"/>
                    <a:pt x="32688" y="1195"/>
                  </a:cubicBezTo>
                  <a:cubicBezTo>
                    <a:pt x="32853" y="1195"/>
                    <a:pt x="33041" y="1234"/>
                    <a:pt x="33223" y="1298"/>
                  </a:cubicBezTo>
                  <a:cubicBezTo>
                    <a:pt x="32998" y="1017"/>
                    <a:pt x="32532" y="852"/>
                    <a:pt x="32154" y="852"/>
                  </a:cubicBezTo>
                  <a:close/>
                  <a:moveTo>
                    <a:pt x="36026" y="1808"/>
                  </a:moveTo>
                  <a:cubicBezTo>
                    <a:pt x="35323" y="1808"/>
                    <a:pt x="34635" y="1886"/>
                    <a:pt x="33969" y="2036"/>
                  </a:cubicBezTo>
                  <a:cubicBezTo>
                    <a:pt x="33969" y="2172"/>
                    <a:pt x="33908" y="2318"/>
                    <a:pt x="33758" y="2464"/>
                  </a:cubicBezTo>
                  <a:cubicBezTo>
                    <a:pt x="33648" y="2575"/>
                    <a:pt x="33541" y="2689"/>
                    <a:pt x="33441" y="2803"/>
                  </a:cubicBezTo>
                  <a:cubicBezTo>
                    <a:pt x="33530" y="2781"/>
                    <a:pt x="33619" y="2775"/>
                    <a:pt x="33712" y="2775"/>
                  </a:cubicBezTo>
                  <a:cubicBezTo>
                    <a:pt x="34364" y="2775"/>
                    <a:pt x="35031" y="3256"/>
                    <a:pt x="35052" y="3695"/>
                  </a:cubicBezTo>
                  <a:cubicBezTo>
                    <a:pt x="35341" y="3655"/>
                    <a:pt x="35634" y="3637"/>
                    <a:pt x="35926" y="3637"/>
                  </a:cubicBezTo>
                  <a:cubicBezTo>
                    <a:pt x="36290" y="3637"/>
                    <a:pt x="36657" y="3666"/>
                    <a:pt x="37028" y="3723"/>
                  </a:cubicBezTo>
                  <a:cubicBezTo>
                    <a:pt x="37099" y="3734"/>
                    <a:pt x="37170" y="3737"/>
                    <a:pt x="37234" y="3737"/>
                  </a:cubicBezTo>
                  <a:cubicBezTo>
                    <a:pt x="38415" y="3737"/>
                    <a:pt x="38900" y="2136"/>
                    <a:pt x="37502" y="1922"/>
                  </a:cubicBezTo>
                  <a:cubicBezTo>
                    <a:pt x="37007" y="1843"/>
                    <a:pt x="36511" y="1808"/>
                    <a:pt x="36026" y="1808"/>
                  </a:cubicBezTo>
                  <a:close/>
                  <a:moveTo>
                    <a:pt x="6480" y="3645"/>
                  </a:moveTo>
                  <a:lnTo>
                    <a:pt x="6480" y="3645"/>
                  </a:lnTo>
                  <a:cubicBezTo>
                    <a:pt x="6466" y="3652"/>
                    <a:pt x="6455" y="3655"/>
                    <a:pt x="6441" y="3659"/>
                  </a:cubicBezTo>
                  <a:cubicBezTo>
                    <a:pt x="6412" y="3723"/>
                    <a:pt x="6383" y="3787"/>
                    <a:pt x="6359" y="3851"/>
                  </a:cubicBezTo>
                  <a:cubicBezTo>
                    <a:pt x="6398" y="3784"/>
                    <a:pt x="6437" y="3713"/>
                    <a:pt x="6480" y="3645"/>
                  </a:cubicBezTo>
                  <a:close/>
                  <a:moveTo>
                    <a:pt x="21010" y="0"/>
                  </a:moveTo>
                  <a:cubicBezTo>
                    <a:pt x="20879" y="0"/>
                    <a:pt x="20747" y="18"/>
                    <a:pt x="20622" y="64"/>
                  </a:cubicBezTo>
                  <a:cubicBezTo>
                    <a:pt x="18436" y="831"/>
                    <a:pt x="16353" y="1801"/>
                    <a:pt x="14389" y="2977"/>
                  </a:cubicBezTo>
                  <a:cubicBezTo>
                    <a:pt x="14735" y="2475"/>
                    <a:pt x="15102" y="1990"/>
                    <a:pt x="15491" y="1512"/>
                  </a:cubicBezTo>
                  <a:cubicBezTo>
                    <a:pt x="16118" y="746"/>
                    <a:pt x="15117" y="289"/>
                    <a:pt x="14353" y="289"/>
                  </a:cubicBezTo>
                  <a:cubicBezTo>
                    <a:pt x="14154" y="289"/>
                    <a:pt x="13972" y="318"/>
                    <a:pt x="13836" y="385"/>
                  </a:cubicBezTo>
                  <a:cubicBezTo>
                    <a:pt x="12110" y="1244"/>
                    <a:pt x="10484" y="2261"/>
                    <a:pt x="8969" y="3431"/>
                  </a:cubicBezTo>
                  <a:cubicBezTo>
                    <a:pt x="9272" y="2842"/>
                    <a:pt x="9614" y="2268"/>
                    <a:pt x="9996" y="1708"/>
                  </a:cubicBezTo>
                  <a:cubicBezTo>
                    <a:pt x="10542" y="906"/>
                    <a:pt x="9646" y="471"/>
                    <a:pt x="8905" y="471"/>
                  </a:cubicBezTo>
                  <a:cubicBezTo>
                    <a:pt x="8694" y="471"/>
                    <a:pt x="8491" y="507"/>
                    <a:pt x="8341" y="581"/>
                  </a:cubicBezTo>
                  <a:cubicBezTo>
                    <a:pt x="5938" y="1741"/>
                    <a:pt x="3534" y="2903"/>
                    <a:pt x="1131" y="4062"/>
                  </a:cubicBezTo>
                  <a:cubicBezTo>
                    <a:pt x="1" y="4608"/>
                    <a:pt x="893" y="5670"/>
                    <a:pt x="1862" y="5670"/>
                  </a:cubicBezTo>
                  <a:cubicBezTo>
                    <a:pt x="2045" y="5670"/>
                    <a:pt x="2226" y="5635"/>
                    <a:pt x="2401" y="5549"/>
                  </a:cubicBezTo>
                  <a:cubicBezTo>
                    <a:pt x="3546" y="4996"/>
                    <a:pt x="4690" y="4443"/>
                    <a:pt x="5835" y="3891"/>
                  </a:cubicBezTo>
                  <a:lnTo>
                    <a:pt x="5835" y="3891"/>
                  </a:lnTo>
                  <a:cubicBezTo>
                    <a:pt x="5392" y="4055"/>
                    <a:pt x="4947" y="4211"/>
                    <a:pt x="4501" y="4361"/>
                  </a:cubicBezTo>
                  <a:cubicBezTo>
                    <a:pt x="4248" y="4447"/>
                    <a:pt x="3944" y="4508"/>
                    <a:pt x="3649" y="4508"/>
                  </a:cubicBezTo>
                  <a:cubicBezTo>
                    <a:pt x="3378" y="4508"/>
                    <a:pt x="3110" y="4458"/>
                    <a:pt x="2886" y="4336"/>
                  </a:cubicBezTo>
                  <a:cubicBezTo>
                    <a:pt x="2532" y="4144"/>
                    <a:pt x="2443" y="3773"/>
                    <a:pt x="2896" y="3619"/>
                  </a:cubicBezTo>
                  <a:cubicBezTo>
                    <a:pt x="4173" y="3191"/>
                    <a:pt x="5428" y="2707"/>
                    <a:pt x="6666" y="2164"/>
                  </a:cubicBezTo>
                  <a:cubicBezTo>
                    <a:pt x="6887" y="2069"/>
                    <a:pt x="7175" y="2015"/>
                    <a:pt x="7464" y="2015"/>
                  </a:cubicBezTo>
                  <a:cubicBezTo>
                    <a:pt x="7593" y="2015"/>
                    <a:pt x="7721" y="2026"/>
                    <a:pt x="7846" y="2047"/>
                  </a:cubicBezTo>
                  <a:cubicBezTo>
                    <a:pt x="8074" y="1901"/>
                    <a:pt x="8330" y="1794"/>
                    <a:pt x="8562" y="1794"/>
                  </a:cubicBezTo>
                  <a:cubicBezTo>
                    <a:pt x="8598" y="1794"/>
                    <a:pt x="8634" y="1797"/>
                    <a:pt x="8669" y="1805"/>
                  </a:cubicBezTo>
                  <a:cubicBezTo>
                    <a:pt x="9054" y="1865"/>
                    <a:pt x="9375" y="2079"/>
                    <a:pt x="9041" y="2490"/>
                  </a:cubicBezTo>
                  <a:cubicBezTo>
                    <a:pt x="8491" y="3153"/>
                    <a:pt x="8074" y="3841"/>
                    <a:pt x="7774" y="4600"/>
                  </a:cubicBezTo>
                  <a:cubicBezTo>
                    <a:pt x="9536" y="3398"/>
                    <a:pt x="11351" y="2283"/>
                    <a:pt x="13223" y="1256"/>
                  </a:cubicBezTo>
                  <a:cubicBezTo>
                    <a:pt x="13379" y="1170"/>
                    <a:pt x="13729" y="1091"/>
                    <a:pt x="14032" y="1091"/>
                  </a:cubicBezTo>
                  <a:cubicBezTo>
                    <a:pt x="14449" y="1091"/>
                    <a:pt x="14778" y="1238"/>
                    <a:pt x="14378" y="1701"/>
                  </a:cubicBezTo>
                  <a:cubicBezTo>
                    <a:pt x="13740" y="2447"/>
                    <a:pt x="13305" y="3220"/>
                    <a:pt x="13055" y="4116"/>
                  </a:cubicBezTo>
                  <a:cubicBezTo>
                    <a:pt x="14791" y="3156"/>
                    <a:pt x="16575" y="2111"/>
                    <a:pt x="18386" y="1494"/>
                  </a:cubicBezTo>
                  <a:cubicBezTo>
                    <a:pt x="18660" y="1402"/>
                    <a:pt x="18896" y="1359"/>
                    <a:pt x="19099" y="1359"/>
                  </a:cubicBezTo>
                  <a:cubicBezTo>
                    <a:pt x="20144" y="1359"/>
                    <a:pt x="20262" y="2514"/>
                    <a:pt x="20204" y="3630"/>
                  </a:cubicBezTo>
                  <a:cubicBezTo>
                    <a:pt x="21502" y="2892"/>
                    <a:pt x="22840" y="2229"/>
                    <a:pt x="24213" y="1634"/>
                  </a:cubicBezTo>
                  <a:cubicBezTo>
                    <a:pt x="24216" y="1630"/>
                    <a:pt x="24216" y="1623"/>
                    <a:pt x="24216" y="1619"/>
                  </a:cubicBezTo>
                  <a:cubicBezTo>
                    <a:pt x="24244" y="1109"/>
                    <a:pt x="24766" y="867"/>
                    <a:pt x="25304" y="867"/>
                  </a:cubicBezTo>
                  <a:cubicBezTo>
                    <a:pt x="25906" y="867"/>
                    <a:pt x="26530" y="1173"/>
                    <a:pt x="26499" y="1744"/>
                  </a:cubicBezTo>
                  <a:cubicBezTo>
                    <a:pt x="26477" y="2126"/>
                    <a:pt x="26438" y="2496"/>
                    <a:pt x="26384" y="2867"/>
                  </a:cubicBezTo>
                  <a:cubicBezTo>
                    <a:pt x="26591" y="2793"/>
                    <a:pt x="26798" y="2721"/>
                    <a:pt x="27004" y="2653"/>
                  </a:cubicBezTo>
                  <a:cubicBezTo>
                    <a:pt x="27236" y="2250"/>
                    <a:pt x="27483" y="1855"/>
                    <a:pt x="27743" y="1466"/>
                  </a:cubicBezTo>
                  <a:cubicBezTo>
                    <a:pt x="28220" y="746"/>
                    <a:pt x="27386" y="168"/>
                    <a:pt x="26695" y="168"/>
                  </a:cubicBezTo>
                  <a:cubicBezTo>
                    <a:pt x="26573" y="168"/>
                    <a:pt x="26459" y="186"/>
                    <a:pt x="26352" y="225"/>
                  </a:cubicBezTo>
                  <a:cubicBezTo>
                    <a:pt x="24637" y="842"/>
                    <a:pt x="23000" y="1591"/>
                    <a:pt x="21431" y="2468"/>
                  </a:cubicBezTo>
                  <a:cubicBezTo>
                    <a:pt x="21624" y="2079"/>
                    <a:pt x="21817" y="1690"/>
                    <a:pt x="22009" y="1305"/>
                  </a:cubicBezTo>
                  <a:cubicBezTo>
                    <a:pt x="22373" y="574"/>
                    <a:pt x="21702" y="0"/>
                    <a:pt x="21010" y="0"/>
                  </a:cubicBezTo>
                  <a:close/>
                  <a:moveTo>
                    <a:pt x="30485" y="3384"/>
                  </a:moveTo>
                  <a:cubicBezTo>
                    <a:pt x="28780" y="3837"/>
                    <a:pt x="27111" y="4407"/>
                    <a:pt x="25467" y="5085"/>
                  </a:cubicBezTo>
                  <a:cubicBezTo>
                    <a:pt x="25325" y="5146"/>
                    <a:pt x="25161" y="5174"/>
                    <a:pt x="24993" y="5174"/>
                  </a:cubicBezTo>
                  <a:cubicBezTo>
                    <a:pt x="24394" y="5174"/>
                    <a:pt x="23749" y="4817"/>
                    <a:pt x="23820" y="4208"/>
                  </a:cubicBezTo>
                  <a:lnTo>
                    <a:pt x="23820" y="4208"/>
                  </a:lnTo>
                  <a:cubicBezTo>
                    <a:pt x="23721" y="4437"/>
                    <a:pt x="23627" y="4668"/>
                    <a:pt x="23538" y="4903"/>
                  </a:cubicBezTo>
                  <a:cubicBezTo>
                    <a:pt x="23257" y="5627"/>
                    <a:pt x="24013" y="5920"/>
                    <a:pt x="24665" y="5920"/>
                  </a:cubicBezTo>
                  <a:cubicBezTo>
                    <a:pt x="24908" y="5920"/>
                    <a:pt x="25136" y="5880"/>
                    <a:pt x="25289" y="5806"/>
                  </a:cubicBezTo>
                  <a:cubicBezTo>
                    <a:pt x="26919" y="5021"/>
                    <a:pt x="28566" y="4276"/>
                    <a:pt x="30231" y="3570"/>
                  </a:cubicBezTo>
                  <a:lnTo>
                    <a:pt x="30231" y="3570"/>
                  </a:lnTo>
                  <a:cubicBezTo>
                    <a:pt x="30131" y="3805"/>
                    <a:pt x="30032" y="4040"/>
                    <a:pt x="29932" y="4276"/>
                  </a:cubicBezTo>
                  <a:cubicBezTo>
                    <a:pt x="29632" y="4985"/>
                    <a:pt x="30292" y="5260"/>
                    <a:pt x="30952" y="5260"/>
                  </a:cubicBezTo>
                  <a:cubicBezTo>
                    <a:pt x="31323" y="5260"/>
                    <a:pt x="31697" y="5171"/>
                    <a:pt x="31893" y="5024"/>
                  </a:cubicBezTo>
                  <a:lnTo>
                    <a:pt x="31893" y="5024"/>
                  </a:lnTo>
                  <a:cubicBezTo>
                    <a:pt x="31869" y="5036"/>
                    <a:pt x="31843" y="5042"/>
                    <a:pt x="31818" y="5049"/>
                  </a:cubicBezTo>
                  <a:cubicBezTo>
                    <a:pt x="31701" y="5082"/>
                    <a:pt x="31558" y="5100"/>
                    <a:pt x="31401" y="5100"/>
                  </a:cubicBezTo>
                  <a:cubicBezTo>
                    <a:pt x="30745" y="5100"/>
                    <a:pt x="29904" y="4786"/>
                    <a:pt x="30192" y="4044"/>
                  </a:cubicBezTo>
                  <a:cubicBezTo>
                    <a:pt x="30281" y="3816"/>
                    <a:pt x="30378" y="3594"/>
                    <a:pt x="30485" y="3384"/>
                  </a:cubicBezTo>
                  <a:close/>
                  <a:moveTo>
                    <a:pt x="24084" y="2903"/>
                  </a:moveTo>
                  <a:lnTo>
                    <a:pt x="24084" y="2903"/>
                  </a:lnTo>
                  <a:cubicBezTo>
                    <a:pt x="22447" y="3627"/>
                    <a:pt x="20875" y="4468"/>
                    <a:pt x="19353" y="5421"/>
                  </a:cubicBezTo>
                  <a:cubicBezTo>
                    <a:pt x="19242" y="5492"/>
                    <a:pt x="18785" y="5663"/>
                    <a:pt x="18443" y="5663"/>
                  </a:cubicBezTo>
                  <a:cubicBezTo>
                    <a:pt x="18208" y="5663"/>
                    <a:pt x="18026" y="5581"/>
                    <a:pt x="18051" y="5331"/>
                  </a:cubicBezTo>
                  <a:cubicBezTo>
                    <a:pt x="18065" y="5167"/>
                    <a:pt x="18122" y="4697"/>
                    <a:pt x="18150" y="4205"/>
                  </a:cubicBezTo>
                  <a:lnTo>
                    <a:pt x="18150" y="4205"/>
                  </a:lnTo>
                  <a:cubicBezTo>
                    <a:pt x="18037" y="4432"/>
                    <a:pt x="17926" y="4661"/>
                    <a:pt x="17812" y="4889"/>
                  </a:cubicBezTo>
                  <a:cubicBezTo>
                    <a:pt x="17398" y="5720"/>
                    <a:pt x="18073" y="6119"/>
                    <a:pt x="18779" y="6119"/>
                  </a:cubicBezTo>
                  <a:cubicBezTo>
                    <a:pt x="19110" y="6119"/>
                    <a:pt x="19445" y="6033"/>
                    <a:pt x="19684" y="5859"/>
                  </a:cubicBezTo>
                  <a:cubicBezTo>
                    <a:pt x="21057" y="4853"/>
                    <a:pt x="22511" y="3976"/>
                    <a:pt x="24030" y="3231"/>
                  </a:cubicBezTo>
                  <a:cubicBezTo>
                    <a:pt x="24048" y="3120"/>
                    <a:pt x="24066" y="3010"/>
                    <a:pt x="24084" y="2903"/>
                  </a:cubicBezTo>
                  <a:close/>
                  <a:moveTo>
                    <a:pt x="17987" y="2828"/>
                  </a:moveTo>
                  <a:cubicBezTo>
                    <a:pt x="17915" y="2828"/>
                    <a:pt x="16671" y="3559"/>
                    <a:pt x="16503" y="3645"/>
                  </a:cubicBezTo>
                  <a:cubicBezTo>
                    <a:pt x="15031" y="4389"/>
                    <a:pt x="13562" y="5131"/>
                    <a:pt x="12089" y="5877"/>
                  </a:cubicBezTo>
                  <a:cubicBezTo>
                    <a:pt x="11993" y="5926"/>
                    <a:pt x="11504" y="6112"/>
                    <a:pt x="11151" y="6112"/>
                  </a:cubicBezTo>
                  <a:cubicBezTo>
                    <a:pt x="10923" y="6112"/>
                    <a:pt x="10756" y="6033"/>
                    <a:pt x="10791" y="5784"/>
                  </a:cubicBezTo>
                  <a:cubicBezTo>
                    <a:pt x="10902" y="4988"/>
                    <a:pt x="11116" y="4251"/>
                    <a:pt x="11433" y="3563"/>
                  </a:cubicBezTo>
                  <a:lnTo>
                    <a:pt x="11433" y="3563"/>
                  </a:lnTo>
                  <a:cubicBezTo>
                    <a:pt x="9867" y="4514"/>
                    <a:pt x="8348" y="5534"/>
                    <a:pt x="6869" y="6622"/>
                  </a:cubicBezTo>
                  <a:cubicBezTo>
                    <a:pt x="6762" y="6700"/>
                    <a:pt x="6052" y="7021"/>
                    <a:pt x="5624" y="7021"/>
                  </a:cubicBezTo>
                  <a:cubicBezTo>
                    <a:pt x="5521" y="7021"/>
                    <a:pt x="5435" y="7004"/>
                    <a:pt x="5378" y="6957"/>
                  </a:cubicBezTo>
                  <a:lnTo>
                    <a:pt x="5378" y="6957"/>
                  </a:lnTo>
                  <a:cubicBezTo>
                    <a:pt x="5321" y="7570"/>
                    <a:pt x="5917" y="7902"/>
                    <a:pt x="6505" y="7902"/>
                  </a:cubicBezTo>
                  <a:cubicBezTo>
                    <a:pt x="6833" y="7902"/>
                    <a:pt x="7161" y="7795"/>
                    <a:pt x="7368" y="7577"/>
                  </a:cubicBezTo>
                  <a:cubicBezTo>
                    <a:pt x="8527" y="6365"/>
                    <a:pt x="9768" y="5274"/>
                    <a:pt x="11101" y="4300"/>
                  </a:cubicBezTo>
                  <a:lnTo>
                    <a:pt x="11101" y="4300"/>
                  </a:lnTo>
                  <a:cubicBezTo>
                    <a:pt x="10795" y="4886"/>
                    <a:pt x="10513" y="5481"/>
                    <a:pt x="10249" y="6098"/>
                  </a:cubicBezTo>
                  <a:cubicBezTo>
                    <a:pt x="9946" y="6804"/>
                    <a:pt x="10616" y="7085"/>
                    <a:pt x="11276" y="7085"/>
                  </a:cubicBezTo>
                  <a:cubicBezTo>
                    <a:pt x="11654" y="7085"/>
                    <a:pt x="12028" y="6996"/>
                    <a:pt x="12221" y="6840"/>
                  </a:cubicBezTo>
                  <a:cubicBezTo>
                    <a:pt x="14050" y="5374"/>
                    <a:pt x="16029" y="4126"/>
                    <a:pt x="18126" y="3113"/>
                  </a:cubicBezTo>
                  <a:cubicBezTo>
                    <a:pt x="18097" y="2971"/>
                    <a:pt x="18055" y="2867"/>
                    <a:pt x="17987" y="2828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0" name="Google Shape;2301;p54"/>
            <p:cNvSpPr/>
            <p:nvPr/>
          </p:nvSpPr>
          <p:spPr>
            <a:xfrm>
              <a:off x="1980627" y="3951650"/>
              <a:ext cx="18078" cy="8744"/>
            </a:xfrm>
            <a:custGeom>
              <a:avLst/>
              <a:gdLst/>
              <a:ahLst/>
              <a:cxnLst/>
              <a:rect l="l" t="t" r="r" b="b"/>
              <a:pathLst>
                <a:path w="643" h="311" extrusionOk="0">
                  <a:moveTo>
                    <a:pt x="643" y="1"/>
                  </a:moveTo>
                  <a:lnTo>
                    <a:pt x="643" y="1"/>
                  </a:lnTo>
                  <a:cubicBezTo>
                    <a:pt x="429" y="103"/>
                    <a:pt x="215" y="207"/>
                    <a:pt x="1" y="311"/>
                  </a:cubicBezTo>
                  <a:cubicBezTo>
                    <a:pt x="204" y="236"/>
                    <a:pt x="404" y="157"/>
                    <a:pt x="607" y="79"/>
                  </a:cubicBezTo>
                  <a:cubicBezTo>
                    <a:pt x="618" y="54"/>
                    <a:pt x="632" y="26"/>
                    <a:pt x="643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1" name="Google Shape;2302;p54"/>
            <p:cNvSpPr/>
            <p:nvPr/>
          </p:nvSpPr>
          <p:spPr>
            <a:xfrm>
              <a:off x="1885292" y="3907623"/>
              <a:ext cx="151905" cy="70119"/>
            </a:xfrm>
            <a:custGeom>
              <a:avLst/>
              <a:gdLst/>
              <a:ahLst/>
              <a:cxnLst/>
              <a:rect l="l" t="t" r="r" b="b"/>
              <a:pathLst>
                <a:path w="5403" h="2494" extrusionOk="0">
                  <a:moveTo>
                    <a:pt x="5021" y="1"/>
                  </a:moveTo>
                  <a:cubicBezTo>
                    <a:pt x="4732" y="1"/>
                    <a:pt x="4444" y="55"/>
                    <a:pt x="4223" y="150"/>
                  </a:cubicBezTo>
                  <a:cubicBezTo>
                    <a:pt x="2985" y="693"/>
                    <a:pt x="1730" y="1177"/>
                    <a:pt x="453" y="1605"/>
                  </a:cubicBezTo>
                  <a:cubicBezTo>
                    <a:pt x="0" y="1759"/>
                    <a:pt x="89" y="2130"/>
                    <a:pt x="443" y="2322"/>
                  </a:cubicBezTo>
                  <a:cubicBezTo>
                    <a:pt x="667" y="2444"/>
                    <a:pt x="935" y="2494"/>
                    <a:pt x="1206" y="2494"/>
                  </a:cubicBezTo>
                  <a:cubicBezTo>
                    <a:pt x="1501" y="2494"/>
                    <a:pt x="1805" y="2433"/>
                    <a:pt x="2058" y="2347"/>
                  </a:cubicBezTo>
                  <a:cubicBezTo>
                    <a:pt x="2504" y="2197"/>
                    <a:pt x="2949" y="2041"/>
                    <a:pt x="3392" y="1877"/>
                  </a:cubicBezTo>
                  <a:cubicBezTo>
                    <a:pt x="3606" y="1773"/>
                    <a:pt x="3820" y="1669"/>
                    <a:pt x="4034" y="1567"/>
                  </a:cubicBezTo>
                  <a:lnTo>
                    <a:pt x="4034" y="1567"/>
                  </a:lnTo>
                  <a:cubicBezTo>
                    <a:pt x="4023" y="1592"/>
                    <a:pt x="4009" y="1620"/>
                    <a:pt x="3998" y="1645"/>
                  </a:cubicBezTo>
                  <a:cubicBezTo>
                    <a:pt x="4012" y="1641"/>
                    <a:pt x="4023" y="1638"/>
                    <a:pt x="4037" y="1631"/>
                  </a:cubicBezTo>
                  <a:cubicBezTo>
                    <a:pt x="4261" y="1260"/>
                    <a:pt x="4518" y="903"/>
                    <a:pt x="4804" y="553"/>
                  </a:cubicBezTo>
                  <a:cubicBezTo>
                    <a:pt x="4939" y="390"/>
                    <a:pt x="5156" y="190"/>
                    <a:pt x="5403" y="33"/>
                  </a:cubicBezTo>
                  <a:cubicBezTo>
                    <a:pt x="5278" y="12"/>
                    <a:pt x="5150" y="1"/>
                    <a:pt x="5021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2" name="Google Shape;2303;p54"/>
            <p:cNvSpPr/>
            <p:nvPr/>
          </p:nvSpPr>
          <p:spPr>
            <a:xfrm>
              <a:off x="1965080" y="3928906"/>
              <a:ext cx="381802" cy="117689"/>
            </a:xfrm>
            <a:custGeom>
              <a:avLst/>
              <a:gdLst/>
              <a:ahLst/>
              <a:cxnLst/>
              <a:rect l="l" t="t" r="r" b="b"/>
              <a:pathLst>
                <a:path w="13580" h="4186" extrusionOk="0">
                  <a:moveTo>
                    <a:pt x="13580" y="0"/>
                  </a:moveTo>
                  <a:lnTo>
                    <a:pt x="13580" y="0"/>
                  </a:lnTo>
                  <a:cubicBezTo>
                    <a:pt x="13333" y="111"/>
                    <a:pt x="13091" y="224"/>
                    <a:pt x="12845" y="342"/>
                  </a:cubicBezTo>
                  <a:cubicBezTo>
                    <a:pt x="12898" y="613"/>
                    <a:pt x="12895" y="1031"/>
                    <a:pt x="12869" y="1434"/>
                  </a:cubicBezTo>
                  <a:cubicBezTo>
                    <a:pt x="13109" y="955"/>
                    <a:pt x="13344" y="478"/>
                    <a:pt x="13580" y="0"/>
                  </a:cubicBezTo>
                  <a:close/>
                  <a:moveTo>
                    <a:pt x="1078" y="1080"/>
                  </a:moveTo>
                  <a:lnTo>
                    <a:pt x="1078" y="1080"/>
                  </a:lnTo>
                  <a:cubicBezTo>
                    <a:pt x="579" y="1954"/>
                    <a:pt x="236" y="2892"/>
                    <a:pt x="29" y="3922"/>
                  </a:cubicBezTo>
                  <a:cubicBezTo>
                    <a:pt x="1" y="4051"/>
                    <a:pt x="29" y="4136"/>
                    <a:pt x="97" y="4186"/>
                  </a:cubicBezTo>
                  <a:cubicBezTo>
                    <a:pt x="101" y="4147"/>
                    <a:pt x="108" y="4108"/>
                    <a:pt x="115" y="4065"/>
                  </a:cubicBezTo>
                  <a:cubicBezTo>
                    <a:pt x="347" y="3030"/>
                    <a:pt x="668" y="2036"/>
                    <a:pt x="1078" y="108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3" name="Google Shape;2304;p54"/>
            <p:cNvSpPr/>
            <p:nvPr/>
          </p:nvSpPr>
          <p:spPr>
            <a:xfrm>
              <a:off x="1967779" y="3881674"/>
              <a:ext cx="529574" cy="166722"/>
            </a:xfrm>
            <a:custGeom>
              <a:avLst/>
              <a:gdLst/>
              <a:ahLst/>
              <a:cxnLst/>
              <a:rect l="l" t="t" r="r" b="b"/>
              <a:pathLst>
                <a:path w="18836" h="5930" extrusionOk="0">
                  <a:moveTo>
                    <a:pt x="8655" y="0"/>
                  </a:moveTo>
                  <a:cubicBezTo>
                    <a:pt x="8352" y="0"/>
                    <a:pt x="8002" y="79"/>
                    <a:pt x="7846" y="165"/>
                  </a:cubicBezTo>
                  <a:cubicBezTo>
                    <a:pt x="5974" y="1192"/>
                    <a:pt x="4159" y="2307"/>
                    <a:pt x="2397" y="3509"/>
                  </a:cubicBezTo>
                  <a:cubicBezTo>
                    <a:pt x="2697" y="2750"/>
                    <a:pt x="3114" y="2062"/>
                    <a:pt x="3664" y="1399"/>
                  </a:cubicBezTo>
                  <a:cubicBezTo>
                    <a:pt x="3998" y="988"/>
                    <a:pt x="3677" y="774"/>
                    <a:pt x="3292" y="714"/>
                  </a:cubicBezTo>
                  <a:cubicBezTo>
                    <a:pt x="3257" y="706"/>
                    <a:pt x="3221" y="703"/>
                    <a:pt x="3185" y="703"/>
                  </a:cubicBezTo>
                  <a:cubicBezTo>
                    <a:pt x="2953" y="703"/>
                    <a:pt x="2697" y="810"/>
                    <a:pt x="2469" y="956"/>
                  </a:cubicBezTo>
                  <a:cubicBezTo>
                    <a:pt x="2629" y="984"/>
                    <a:pt x="2779" y="1031"/>
                    <a:pt x="2904" y="1103"/>
                  </a:cubicBezTo>
                  <a:cubicBezTo>
                    <a:pt x="3285" y="1305"/>
                    <a:pt x="3317" y="1630"/>
                    <a:pt x="2893" y="1815"/>
                  </a:cubicBezTo>
                  <a:cubicBezTo>
                    <a:pt x="2301" y="2076"/>
                    <a:pt x="1706" y="2322"/>
                    <a:pt x="1103" y="2554"/>
                  </a:cubicBezTo>
                  <a:cubicBezTo>
                    <a:pt x="1060" y="2622"/>
                    <a:pt x="1021" y="2693"/>
                    <a:pt x="982" y="2760"/>
                  </a:cubicBezTo>
                  <a:cubicBezTo>
                    <a:pt x="572" y="3716"/>
                    <a:pt x="251" y="4710"/>
                    <a:pt x="19" y="5745"/>
                  </a:cubicBezTo>
                  <a:cubicBezTo>
                    <a:pt x="12" y="5788"/>
                    <a:pt x="5" y="5827"/>
                    <a:pt x="1" y="5866"/>
                  </a:cubicBezTo>
                  <a:cubicBezTo>
                    <a:pt x="58" y="5913"/>
                    <a:pt x="144" y="5930"/>
                    <a:pt x="247" y="5930"/>
                  </a:cubicBezTo>
                  <a:cubicBezTo>
                    <a:pt x="675" y="5930"/>
                    <a:pt x="1385" y="5609"/>
                    <a:pt x="1492" y="5531"/>
                  </a:cubicBezTo>
                  <a:cubicBezTo>
                    <a:pt x="2971" y="4443"/>
                    <a:pt x="4490" y="3423"/>
                    <a:pt x="6056" y="2472"/>
                  </a:cubicBezTo>
                  <a:lnTo>
                    <a:pt x="6056" y="2472"/>
                  </a:lnTo>
                  <a:cubicBezTo>
                    <a:pt x="5739" y="3160"/>
                    <a:pt x="5525" y="3897"/>
                    <a:pt x="5414" y="4693"/>
                  </a:cubicBezTo>
                  <a:cubicBezTo>
                    <a:pt x="5379" y="4942"/>
                    <a:pt x="5546" y="5021"/>
                    <a:pt x="5774" y="5021"/>
                  </a:cubicBezTo>
                  <a:cubicBezTo>
                    <a:pt x="6127" y="5021"/>
                    <a:pt x="6616" y="4835"/>
                    <a:pt x="6712" y="4786"/>
                  </a:cubicBezTo>
                  <a:cubicBezTo>
                    <a:pt x="8185" y="4040"/>
                    <a:pt x="9654" y="3298"/>
                    <a:pt x="11126" y="2554"/>
                  </a:cubicBezTo>
                  <a:cubicBezTo>
                    <a:pt x="11294" y="2468"/>
                    <a:pt x="12538" y="1737"/>
                    <a:pt x="12610" y="1737"/>
                  </a:cubicBezTo>
                  <a:cubicBezTo>
                    <a:pt x="12678" y="1776"/>
                    <a:pt x="12720" y="1880"/>
                    <a:pt x="12749" y="2022"/>
                  </a:cubicBezTo>
                  <a:cubicBezTo>
                    <a:pt x="12995" y="1904"/>
                    <a:pt x="13237" y="1791"/>
                    <a:pt x="13484" y="1680"/>
                  </a:cubicBezTo>
                  <a:lnTo>
                    <a:pt x="13484" y="1680"/>
                  </a:lnTo>
                  <a:cubicBezTo>
                    <a:pt x="13248" y="2158"/>
                    <a:pt x="13013" y="2635"/>
                    <a:pt x="12773" y="3114"/>
                  </a:cubicBezTo>
                  <a:cubicBezTo>
                    <a:pt x="12745" y="3606"/>
                    <a:pt x="12688" y="4076"/>
                    <a:pt x="12674" y="4240"/>
                  </a:cubicBezTo>
                  <a:cubicBezTo>
                    <a:pt x="12649" y="4490"/>
                    <a:pt x="12831" y="4572"/>
                    <a:pt x="13066" y="4572"/>
                  </a:cubicBezTo>
                  <a:cubicBezTo>
                    <a:pt x="13408" y="4572"/>
                    <a:pt x="13865" y="4401"/>
                    <a:pt x="13976" y="4330"/>
                  </a:cubicBezTo>
                  <a:cubicBezTo>
                    <a:pt x="15498" y="3377"/>
                    <a:pt x="17070" y="2536"/>
                    <a:pt x="18707" y="1812"/>
                  </a:cubicBezTo>
                  <a:cubicBezTo>
                    <a:pt x="18772" y="1391"/>
                    <a:pt x="18811" y="974"/>
                    <a:pt x="18836" y="543"/>
                  </a:cubicBezTo>
                  <a:lnTo>
                    <a:pt x="18836" y="543"/>
                  </a:lnTo>
                  <a:cubicBezTo>
                    <a:pt x="17463" y="1138"/>
                    <a:pt x="16125" y="1801"/>
                    <a:pt x="14827" y="2539"/>
                  </a:cubicBezTo>
                  <a:cubicBezTo>
                    <a:pt x="14885" y="1423"/>
                    <a:pt x="14767" y="268"/>
                    <a:pt x="13722" y="268"/>
                  </a:cubicBezTo>
                  <a:cubicBezTo>
                    <a:pt x="13519" y="268"/>
                    <a:pt x="13283" y="311"/>
                    <a:pt x="13009" y="403"/>
                  </a:cubicBezTo>
                  <a:cubicBezTo>
                    <a:pt x="11198" y="1020"/>
                    <a:pt x="9414" y="2065"/>
                    <a:pt x="7678" y="3025"/>
                  </a:cubicBezTo>
                  <a:cubicBezTo>
                    <a:pt x="7928" y="2129"/>
                    <a:pt x="8363" y="1356"/>
                    <a:pt x="9001" y="610"/>
                  </a:cubicBezTo>
                  <a:cubicBezTo>
                    <a:pt x="9401" y="147"/>
                    <a:pt x="9072" y="0"/>
                    <a:pt x="8655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4" name="Google Shape;2305;p54"/>
            <p:cNvSpPr/>
            <p:nvPr/>
          </p:nvSpPr>
          <p:spPr>
            <a:xfrm>
              <a:off x="1998789" y="3908551"/>
              <a:ext cx="62247" cy="44928"/>
            </a:xfrm>
            <a:custGeom>
              <a:avLst/>
              <a:gdLst/>
              <a:ahLst/>
              <a:cxnLst/>
              <a:rect l="l" t="t" r="r" b="b"/>
              <a:pathLst>
                <a:path w="2214" h="1598" extrusionOk="0">
                  <a:moveTo>
                    <a:pt x="1366" y="0"/>
                  </a:moveTo>
                  <a:cubicBezTo>
                    <a:pt x="1119" y="157"/>
                    <a:pt x="902" y="357"/>
                    <a:pt x="767" y="520"/>
                  </a:cubicBezTo>
                  <a:cubicBezTo>
                    <a:pt x="481" y="870"/>
                    <a:pt x="224" y="1227"/>
                    <a:pt x="0" y="1598"/>
                  </a:cubicBezTo>
                  <a:cubicBezTo>
                    <a:pt x="603" y="1366"/>
                    <a:pt x="1198" y="1120"/>
                    <a:pt x="1790" y="859"/>
                  </a:cubicBezTo>
                  <a:cubicBezTo>
                    <a:pt x="2214" y="674"/>
                    <a:pt x="2182" y="349"/>
                    <a:pt x="1801" y="147"/>
                  </a:cubicBezTo>
                  <a:cubicBezTo>
                    <a:pt x="1676" y="75"/>
                    <a:pt x="1526" y="28"/>
                    <a:pt x="136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5" name="Google Shape;2306;p54"/>
            <p:cNvSpPr/>
            <p:nvPr/>
          </p:nvSpPr>
          <p:spPr>
            <a:xfrm>
              <a:off x="2486262" y="3887494"/>
              <a:ext cx="316153" cy="104785"/>
            </a:xfrm>
            <a:custGeom>
              <a:avLst/>
              <a:gdLst/>
              <a:ahLst/>
              <a:cxnLst/>
              <a:rect l="l" t="t" r="r" b="b"/>
              <a:pathLst>
                <a:path w="11245" h="3727" extrusionOk="0">
                  <a:moveTo>
                    <a:pt x="9404" y="0"/>
                  </a:moveTo>
                  <a:cubicBezTo>
                    <a:pt x="9536" y="172"/>
                    <a:pt x="9586" y="382"/>
                    <a:pt x="9483" y="624"/>
                  </a:cubicBezTo>
                  <a:cubicBezTo>
                    <a:pt x="9436" y="738"/>
                    <a:pt x="9386" y="853"/>
                    <a:pt x="9340" y="963"/>
                  </a:cubicBezTo>
                  <a:cubicBezTo>
                    <a:pt x="9604" y="878"/>
                    <a:pt x="9875" y="802"/>
                    <a:pt x="10150" y="738"/>
                  </a:cubicBezTo>
                  <a:cubicBezTo>
                    <a:pt x="10150" y="417"/>
                    <a:pt x="9793" y="143"/>
                    <a:pt x="9404" y="0"/>
                  </a:cubicBezTo>
                  <a:close/>
                  <a:moveTo>
                    <a:pt x="5364" y="688"/>
                  </a:moveTo>
                  <a:lnTo>
                    <a:pt x="5364" y="688"/>
                  </a:lnTo>
                  <a:cubicBezTo>
                    <a:pt x="4633" y="892"/>
                    <a:pt x="3906" y="1113"/>
                    <a:pt x="3185" y="1355"/>
                  </a:cubicBezTo>
                  <a:cubicBezTo>
                    <a:pt x="3111" y="1480"/>
                    <a:pt x="3043" y="1608"/>
                    <a:pt x="2971" y="1733"/>
                  </a:cubicBezTo>
                  <a:cubicBezTo>
                    <a:pt x="3766" y="1376"/>
                    <a:pt x="4562" y="1031"/>
                    <a:pt x="5364" y="688"/>
                  </a:cubicBezTo>
                  <a:close/>
                  <a:moveTo>
                    <a:pt x="511" y="1786"/>
                  </a:moveTo>
                  <a:cubicBezTo>
                    <a:pt x="412" y="1837"/>
                    <a:pt x="312" y="1883"/>
                    <a:pt x="211" y="1933"/>
                  </a:cubicBezTo>
                  <a:cubicBezTo>
                    <a:pt x="162" y="2219"/>
                    <a:pt x="98" y="2500"/>
                    <a:pt x="22" y="2785"/>
                  </a:cubicBezTo>
                  <a:cubicBezTo>
                    <a:pt x="12" y="2828"/>
                    <a:pt x="5" y="2871"/>
                    <a:pt x="1" y="2910"/>
                  </a:cubicBezTo>
                  <a:cubicBezTo>
                    <a:pt x="162" y="2528"/>
                    <a:pt x="333" y="2158"/>
                    <a:pt x="511" y="1786"/>
                  </a:cubicBezTo>
                  <a:close/>
                  <a:moveTo>
                    <a:pt x="11233" y="2397"/>
                  </a:moveTo>
                  <a:lnTo>
                    <a:pt x="11233" y="2397"/>
                  </a:lnTo>
                  <a:cubicBezTo>
                    <a:pt x="10103" y="2543"/>
                    <a:pt x="9034" y="2984"/>
                    <a:pt x="8085" y="3720"/>
                  </a:cubicBezTo>
                  <a:cubicBezTo>
                    <a:pt x="8082" y="3722"/>
                    <a:pt x="8080" y="3724"/>
                    <a:pt x="8078" y="3725"/>
                  </a:cubicBezTo>
                  <a:lnTo>
                    <a:pt x="8078" y="3725"/>
                  </a:lnTo>
                  <a:cubicBezTo>
                    <a:pt x="8929" y="3476"/>
                    <a:pt x="9779" y="3227"/>
                    <a:pt x="10634" y="2978"/>
                  </a:cubicBezTo>
                  <a:cubicBezTo>
                    <a:pt x="11076" y="2846"/>
                    <a:pt x="11244" y="2628"/>
                    <a:pt x="11233" y="2397"/>
                  </a:cubicBezTo>
                  <a:close/>
                  <a:moveTo>
                    <a:pt x="8078" y="3725"/>
                  </a:moveTo>
                  <a:cubicBezTo>
                    <a:pt x="8077" y="3726"/>
                    <a:pt x="8076" y="3726"/>
                    <a:pt x="8074" y="3726"/>
                  </a:cubicBezTo>
                  <a:cubicBezTo>
                    <a:pt x="8076" y="3726"/>
                    <a:pt x="8077" y="3726"/>
                    <a:pt x="8078" y="3725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6" name="Google Shape;2307;p54"/>
            <p:cNvSpPr/>
            <p:nvPr/>
          </p:nvSpPr>
          <p:spPr>
            <a:xfrm>
              <a:off x="2484266" y="3875376"/>
              <a:ext cx="317840" cy="121119"/>
            </a:xfrm>
            <a:custGeom>
              <a:avLst/>
              <a:gdLst/>
              <a:ahLst/>
              <a:cxnLst/>
              <a:rect l="l" t="t" r="r" b="b"/>
              <a:pathLst>
                <a:path w="11305" h="4308" extrusionOk="0">
                  <a:moveTo>
                    <a:pt x="1556" y="0"/>
                  </a:moveTo>
                  <a:cubicBezTo>
                    <a:pt x="1018" y="0"/>
                    <a:pt x="496" y="242"/>
                    <a:pt x="468" y="752"/>
                  </a:cubicBezTo>
                  <a:cubicBezTo>
                    <a:pt x="468" y="756"/>
                    <a:pt x="468" y="763"/>
                    <a:pt x="465" y="767"/>
                  </a:cubicBezTo>
                  <a:cubicBezTo>
                    <a:pt x="707" y="660"/>
                    <a:pt x="953" y="560"/>
                    <a:pt x="1196" y="456"/>
                  </a:cubicBezTo>
                  <a:cubicBezTo>
                    <a:pt x="1438" y="356"/>
                    <a:pt x="1623" y="313"/>
                    <a:pt x="1762" y="313"/>
                  </a:cubicBezTo>
                  <a:cubicBezTo>
                    <a:pt x="2447" y="313"/>
                    <a:pt x="1969" y="1348"/>
                    <a:pt x="1163" y="1679"/>
                  </a:cubicBezTo>
                  <a:cubicBezTo>
                    <a:pt x="885" y="1794"/>
                    <a:pt x="611" y="1914"/>
                    <a:pt x="336" y="2036"/>
                  </a:cubicBezTo>
                  <a:cubicBezTo>
                    <a:pt x="318" y="2143"/>
                    <a:pt x="300" y="2253"/>
                    <a:pt x="282" y="2364"/>
                  </a:cubicBezTo>
                  <a:cubicBezTo>
                    <a:pt x="383" y="2314"/>
                    <a:pt x="483" y="2268"/>
                    <a:pt x="582" y="2217"/>
                  </a:cubicBezTo>
                  <a:lnTo>
                    <a:pt x="582" y="2217"/>
                  </a:lnTo>
                  <a:cubicBezTo>
                    <a:pt x="404" y="2589"/>
                    <a:pt x="233" y="2959"/>
                    <a:pt x="72" y="3341"/>
                  </a:cubicBezTo>
                  <a:cubicBezTo>
                    <a:pt x="1" y="3950"/>
                    <a:pt x="646" y="4307"/>
                    <a:pt x="1245" y="4307"/>
                  </a:cubicBezTo>
                  <a:cubicBezTo>
                    <a:pt x="1413" y="4307"/>
                    <a:pt x="1577" y="4279"/>
                    <a:pt x="1719" y="4218"/>
                  </a:cubicBezTo>
                  <a:cubicBezTo>
                    <a:pt x="3363" y="3540"/>
                    <a:pt x="5032" y="2970"/>
                    <a:pt x="6737" y="2517"/>
                  </a:cubicBezTo>
                  <a:lnTo>
                    <a:pt x="6737" y="2517"/>
                  </a:lnTo>
                  <a:cubicBezTo>
                    <a:pt x="6630" y="2727"/>
                    <a:pt x="6533" y="2949"/>
                    <a:pt x="6444" y="3177"/>
                  </a:cubicBezTo>
                  <a:cubicBezTo>
                    <a:pt x="6156" y="3919"/>
                    <a:pt x="6997" y="4233"/>
                    <a:pt x="7653" y="4233"/>
                  </a:cubicBezTo>
                  <a:cubicBezTo>
                    <a:pt x="7810" y="4233"/>
                    <a:pt x="7953" y="4215"/>
                    <a:pt x="8070" y="4182"/>
                  </a:cubicBezTo>
                  <a:cubicBezTo>
                    <a:pt x="8095" y="4175"/>
                    <a:pt x="8121" y="4169"/>
                    <a:pt x="8145" y="4157"/>
                  </a:cubicBezTo>
                  <a:cubicBezTo>
                    <a:pt x="8149" y="4157"/>
                    <a:pt x="8152" y="4154"/>
                    <a:pt x="8156" y="4151"/>
                  </a:cubicBezTo>
                  <a:cubicBezTo>
                    <a:pt x="9105" y="3415"/>
                    <a:pt x="10174" y="2974"/>
                    <a:pt x="11304" y="2828"/>
                  </a:cubicBezTo>
                  <a:cubicBezTo>
                    <a:pt x="11283" y="2389"/>
                    <a:pt x="10616" y="1908"/>
                    <a:pt x="9964" y="1908"/>
                  </a:cubicBezTo>
                  <a:cubicBezTo>
                    <a:pt x="9871" y="1908"/>
                    <a:pt x="9782" y="1914"/>
                    <a:pt x="9693" y="1936"/>
                  </a:cubicBezTo>
                  <a:cubicBezTo>
                    <a:pt x="9793" y="1822"/>
                    <a:pt x="9900" y="1708"/>
                    <a:pt x="10010" y="1597"/>
                  </a:cubicBezTo>
                  <a:cubicBezTo>
                    <a:pt x="10160" y="1451"/>
                    <a:pt x="10221" y="1305"/>
                    <a:pt x="10221" y="1169"/>
                  </a:cubicBezTo>
                  <a:lnTo>
                    <a:pt x="10221" y="1169"/>
                  </a:lnTo>
                  <a:cubicBezTo>
                    <a:pt x="9946" y="1233"/>
                    <a:pt x="9675" y="1309"/>
                    <a:pt x="9411" y="1394"/>
                  </a:cubicBezTo>
                  <a:cubicBezTo>
                    <a:pt x="9457" y="1284"/>
                    <a:pt x="9507" y="1169"/>
                    <a:pt x="9554" y="1055"/>
                  </a:cubicBezTo>
                  <a:cubicBezTo>
                    <a:pt x="9657" y="813"/>
                    <a:pt x="9607" y="603"/>
                    <a:pt x="9475" y="431"/>
                  </a:cubicBezTo>
                  <a:cubicBezTo>
                    <a:pt x="9293" y="367"/>
                    <a:pt x="9105" y="328"/>
                    <a:pt x="8940" y="328"/>
                  </a:cubicBezTo>
                  <a:cubicBezTo>
                    <a:pt x="8887" y="328"/>
                    <a:pt x="8833" y="331"/>
                    <a:pt x="8787" y="342"/>
                  </a:cubicBezTo>
                  <a:cubicBezTo>
                    <a:pt x="7657" y="556"/>
                    <a:pt x="6541" y="816"/>
                    <a:pt x="5435" y="1119"/>
                  </a:cubicBezTo>
                  <a:cubicBezTo>
                    <a:pt x="4633" y="1462"/>
                    <a:pt x="3837" y="1807"/>
                    <a:pt x="3042" y="2164"/>
                  </a:cubicBezTo>
                  <a:cubicBezTo>
                    <a:pt x="3114" y="2039"/>
                    <a:pt x="3182" y="1911"/>
                    <a:pt x="3256" y="1786"/>
                  </a:cubicBezTo>
                  <a:lnTo>
                    <a:pt x="3256" y="1786"/>
                  </a:lnTo>
                  <a:cubicBezTo>
                    <a:pt x="3050" y="1854"/>
                    <a:pt x="2843" y="1926"/>
                    <a:pt x="2636" y="2000"/>
                  </a:cubicBezTo>
                  <a:cubicBezTo>
                    <a:pt x="2690" y="1629"/>
                    <a:pt x="2729" y="1259"/>
                    <a:pt x="2751" y="877"/>
                  </a:cubicBezTo>
                  <a:cubicBezTo>
                    <a:pt x="2782" y="306"/>
                    <a:pt x="2158" y="0"/>
                    <a:pt x="155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7" name="Google Shape;2308;p54"/>
            <p:cNvSpPr/>
            <p:nvPr/>
          </p:nvSpPr>
          <p:spPr>
            <a:xfrm>
              <a:off x="2493712" y="3884176"/>
              <a:ext cx="59351" cy="48442"/>
            </a:xfrm>
            <a:custGeom>
              <a:avLst/>
              <a:gdLst/>
              <a:ahLst/>
              <a:cxnLst/>
              <a:rect l="l" t="t" r="r" b="b"/>
              <a:pathLst>
                <a:path w="2111" h="1723" extrusionOk="0">
                  <a:moveTo>
                    <a:pt x="1426" y="0"/>
                  </a:moveTo>
                  <a:cubicBezTo>
                    <a:pt x="1287" y="0"/>
                    <a:pt x="1102" y="43"/>
                    <a:pt x="860" y="143"/>
                  </a:cubicBezTo>
                  <a:cubicBezTo>
                    <a:pt x="617" y="247"/>
                    <a:pt x="371" y="347"/>
                    <a:pt x="129" y="454"/>
                  </a:cubicBezTo>
                  <a:cubicBezTo>
                    <a:pt x="104" y="885"/>
                    <a:pt x="65" y="1302"/>
                    <a:pt x="0" y="1723"/>
                  </a:cubicBezTo>
                  <a:cubicBezTo>
                    <a:pt x="275" y="1601"/>
                    <a:pt x="549" y="1481"/>
                    <a:pt x="827" y="1366"/>
                  </a:cubicBezTo>
                  <a:cubicBezTo>
                    <a:pt x="1633" y="1035"/>
                    <a:pt x="2111" y="0"/>
                    <a:pt x="142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  <p:sp>
        <p:nvSpPr>
          <p:cNvPr id="18" name="Google Shape;1050;p35"/>
          <p:cNvSpPr txBox="1">
            <a:spLocks/>
          </p:cNvSpPr>
          <p:nvPr/>
        </p:nvSpPr>
        <p:spPr>
          <a:xfrm>
            <a:off x="762000" y="3027022"/>
            <a:ext cx="4195067" cy="105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Comfortaa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/>
                <a:sym typeface="Comfortaa"/>
              </a:rPr>
              <a:t>Etkinlik yapıyoruz</a:t>
            </a:r>
          </a:p>
        </p:txBody>
      </p:sp>
      <p:sp>
        <p:nvSpPr>
          <p:cNvPr id="19" name="Google Shape;1051;p35"/>
          <p:cNvSpPr/>
          <p:nvPr/>
        </p:nvSpPr>
        <p:spPr>
          <a:xfrm>
            <a:off x="804681" y="4216977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0" name="Google Shape;1052;p35"/>
          <p:cNvSpPr/>
          <p:nvPr/>
        </p:nvSpPr>
        <p:spPr>
          <a:xfrm>
            <a:off x="721554" y="2564572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grpSp>
        <p:nvGrpSpPr>
          <p:cNvPr id="22" name="Grup 21"/>
          <p:cNvGrpSpPr/>
          <p:nvPr/>
        </p:nvGrpSpPr>
        <p:grpSpPr>
          <a:xfrm>
            <a:off x="5410200" y="1466850"/>
            <a:ext cx="5943600" cy="3448050"/>
            <a:chOff x="5410200" y="1466850"/>
            <a:chExt cx="5943600" cy="3448050"/>
          </a:xfrm>
        </p:grpSpPr>
        <p:pic>
          <p:nvPicPr>
            <p:cNvPr id="7" name="Google Shape;2287;p54"/>
            <p:cNvPicPr preferRelativeResize="0"/>
            <p:nvPr/>
          </p:nvPicPr>
          <p:blipFill rotWithShape="1">
            <a:blip r:embed="rId4">
              <a:alphaModFix/>
            </a:blip>
            <a:srcRect l="4395" r="4404"/>
            <a:stretch/>
          </p:blipFill>
          <p:spPr>
            <a:xfrm>
              <a:off x="5410200" y="1466850"/>
              <a:ext cx="5943600" cy="344805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</p:pic>
        <p:sp>
          <p:nvSpPr>
            <p:cNvPr id="21" name="Yuvarlatılmış Dikdörtgen 20">
              <a:hlinkClick r:id="rId5"/>
            </p:cNvPr>
            <p:cNvSpPr/>
            <p:nvPr/>
          </p:nvSpPr>
          <p:spPr>
            <a:xfrm>
              <a:off x="6385809" y="2383436"/>
              <a:ext cx="3972393" cy="1617064"/>
            </a:xfrm>
            <a:prstGeom prst="roundRect">
              <a:avLst>
                <a:gd name="adj" fmla="val 44477"/>
              </a:avLst>
            </a:prstGeom>
            <a:solidFill>
              <a:srgbClr val="F3F3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+mn-ea"/>
                  <a:cs typeface="+mn-cs"/>
                </a:rPr>
                <a:t>Etkinlik için tıklayınız</a:t>
              </a:r>
            </a:p>
          </p:txBody>
        </p:sp>
      </p:grpSp>
      <p:sp>
        <p:nvSpPr>
          <p:cNvPr id="23" name="Dikdörtgen 22"/>
          <p:cNvSpPr/>
          <p:nvPr/>
        </p:nvSpPr>
        <p:spPr>
          <a:xfrm>
            <a:off x="2350731" y="6084516"/>
            <a:ext cx="305731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  <a:hlinkClick r:id="rId6"/>
              </a:rPr>
              <a:t>www.dindersimateryal.com</a:t>
            </a: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</a:rPr>
              <a:t> 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63665771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Dikdörtgen 21"/>
          <p:cNvSpPr/>
          <p:nvPr/>
        </p:nvSpPr>
        <p:spPr>
          <a:xfrm>
            <a:off x="5468248" y="501728"/>
            <a:ext cx="6446522" cy="5193420"/>
          </a:xfrm>
          <a:prstGeom prst="rect">
            <a:avLst/>
          </a:prstGeom>
          <a:noFill/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514350" lvl="0" indent="-514350" algn="just">
              <a:spcBef>
                <a:spcPts val="2400"/>
              </a:spcBef>
              <a:buFont typeface="+mj-lt"/>
              <a:buAutoNum type="arabicPeriod"/>
            </a:pPr>
            <a:r>
              <a:rPr lang="tr-TR" sz="2400" dirty="0" err="1">
                <a:solidFill>
                  <a:schemeClr val="tx1"/>
                </a:solidFill>
              </a:rPr>
              <a:t>Bismillahirrahmânirrahîm</a:t>
            </a:r>
            <a:r>
              <a:rPr lang="tr-TR" sz="2400" dirty="0">
                <a:solidFill>
                  <a:schemeClr val="tx1"/>
                </a:solidFill>
              </a:rPr>
              <a:t>.</a:t>
            </a:r>
          </a:p>
          <a:p>
            <a:pPr marL="514350" lvl="0" indent="-514350" algn="just">
              <a:spcBef>
                <a:spcPts val="2400"/>
              </a:spcBef>
              <a:buFont typeface="+mj-lt"/>
              <a:buAutoNum type="arabicPeriod"/>
            </a:pPr>
            <a:r>
              <a:rPr lang="tr-TR" sz="2400" dirty="0" err="1">
                <a:solidFill>
                  <a:schemeClr val="tx1"/>
                </a:solidFill>
              </a:rPr>
              <a:t>Elhamdü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lillâhi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rabbil'alemin</a:t>
            </a:r>
            <a:endParaRPr lang="tr-TR" sz="2400" dirty="0">
              <a:solidFill>
                <a:schemeClr val="tx1"/>
              </a:solidFill>
            </a:endParaRPr>
          </a:p>
          <a:p>
            <a:pPr marL="514350" lvl="0" indent="-514350" algn="just">
              <a:spcBef>
                <a:spcPts val="2400"/>
              </a:spcBef>
              <a:buFont typeface="+mj-lt"/>
              <a:buAutoNum type="arabicPeriod"/>
            </a:pPr>
            <a:r>
              <a:rPr lang="tr-TR" sz="2400" dirty="0" err="1">
                <a:solidFill>
                  <a:schemeClr val="tx1"/>
                </a:solidFill>
              </a:rPr>
              <a:t>Errahmânir'rahim</a:t>
            </a:r>
            <a:endParaRPr lang="tr-TR" sz="2400" dirty="0">
              <a:solidFill>
                <a:schemeClr val="tx1"/>
              </a:solidFill>
            </a:endParaRPr>
          </a:p>
          <a:p>
            <a:pPr marL="514350" lvl="0" indent="-514350" algn="just">
              <a:spcBef>
                <a:spcPts val="2400"/>
              </a:spcBef>
              <a:buFont typeface="+mj-lt"/>
              <a:buAutoNum type="arabicPeriod"/>
            </a:pPr>
            <a:r>
              <a:rPr lang="tr-TR" sz="2400" dirty="0" err="1">
                <a:solidFill>
                  <a:schemeClr val="tx1"/>
                </a:solidFill>
              </a:rPr>
              <a:t>Mâliki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yevmiddin</a:t>
            </a:r>
            <a:endParaRPr lang="tr-TR" sz="2400" dirty="0">
              <a:solidFill>
                <a:schemeClr val="tx1"/>
              </a:solidFill>
            </a:endParaRPr>
          </a:p>
          <a:p>
            <a:pPr marL="514350" lvl="0" indent="-514350" algn="just">
              <a:spcBef>
                <a:spcPts val="2400"/>
              </a:spcBef>
              <a:buFont typeface="+mj-lt"/>
              <a:buAutoNum type="arabicPeriod"/>
            </a:pPr>
            <a:r>
              <a:rPr lang="tr-TR" sz="2400" dirty="0" err="1">
                <a:solidFill>
                  <a:schemeClr val="tx1"/>
                </a:solidFill>
              </a:rPr>
              <a:t>İyyâke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na'budü</a:t>
            </a:r>
            <a:r>
              <a:rPr lang="tr-TR" sz="2400" dirty="0">
                <a:solidFill>
                  <a:schemeClr val="tx1"/>
                </a:solidFill>
              </a:rPr>
              <a:t> ve </a:t>
            </a:r>
            <a:r>
              <a:rPr lang="tr-TR" sz="2400" dirty="0" err="1">
                <a:solidFill>
                  <a:schemeClr val="tx1"/>
                </a:solidFill>
              </a:rPr>
              <a:t>iyyâke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neste'în</a:t>
            </a:r>
            <a:endParaRPr lang="tr-TR" sz="2400" dirty="0">
              <a:solidFill>
                <a:schemeClr val="tx1"/>
              </a:solidFill>
            </a:endParaRPr>
          </a:p>
          <a:p>
            <a:pPr marL="514350" lvl="0" indent="-514350" algn="just">
              <a:spcBef>
                <a:spcPts val="2400"/>
              </a:spcBef>
              <a:buFont typeface="+mj-lt"/>
              <a:buAutoNum type="arabicPeriod"/>
            </a:pPr>
            <a:r>
              <a:rPr lang="tr-TR" sz="2400" dirty="0" err="1">
                <a:solidFill>
                  <a:schemeClr val="tx1"/>
                </a:solidFill>
              </a:rPr>
              <a:t>İhdinessırâtel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müstakîm</a:t>
            </a:r>
            <a:endParaRPr lang="tr-TR" sz="2400" dirty="0">
              <a:solidFill>
                <a:schemeClr val="tx1"/>
              </a:solidFill>
            </a:endParaRPr>
          </a:p>
          <a:p>
            <a:pPr marL="514350" lvl="0" indent="-514350" algn="just">
              <a:spcBef>
                <a:spcPts val="2400"/>
              </a:spcBef>
              <a:buFont typeface="+mj-lt"/>
              <a:buAutoNum type="arabicPeriod"/>
            </a:pPr>
            <a:r>
              <a:rPr lang="tr-TR" sz="2400" dirty="0" err="1">
                <a:solidFill>
                  <a:schemeClr val="tx1"/>
                </a:solidFill>
              </a:rPr>
              <a:t>Sırâtellezine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en'amte</a:t>
            </a:r>
            <a:r>
              <a:rPr lang="tr-TR" sz="2400" dirty="0">
                <a:solidFill>
                  <a:schemeClr val="tx1"/>
                </a:solidFill>
              </a:rPr>
              <a:t> aleyhim </a:t>
            </a:r>
            <a:r>
              <a:rPr lang="tr-TR" sz="2400" dirty="0" err="1">
                <a:solidFill>
                  <a:schemeClr val="tx1"/>
                </a:solidFill>
              </a:rPr>
              <a:t>ğayril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mağdûbi</a:t>
            </a:r>
            <a:r>
              <a:rPr lang="tr-TR" sz="2400" dirty="0">
                <a:solidFill>
                  <a:schemeClr val="tx1"/>
                </a:solidFill>
              </a:rPr>
              <a:t> aleyhim </a:t>
            </a:r>
            <a:r>
              <a:rPr lang="tr-TR" sz="2400" dirty="0" err="1">
                <a:solidFill>
                  <a:schemeClr val="tx1"/>
                </a:solidFill>
              </a:rPr>
              <a:t>veleddâllîn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20" name="Dikdörtgen 19"/>
          <p:cNvSpPr/>
          <p:nvPr/>
        </p:nvSpPr>
        <p:spPr>
          <a:xfrm>
            <a:off x="69516" y="5953600"/>
            <a:ext cx="5645398" cy="464275"/>
          </a:xfrm>
          <a:prstGeom prst="rect">
            <a:avLst/>
          </a:prstGeom>
          <a:solidFill>
            <a:srgbClr val="009999"/>
          </a:solidFill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Fatiha suresini dinlemek için tıklayınız</a:t>
            </a:r>
          </a:p>
        </p:txBody>
      </p:sp>
      <p:pic>
        <p:nvPicPr>
          <p:cNvPr id="19" name="Resim 1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608046" y="5863472"/>
            <a:ext cx="658589" cy="644530"/>
          </a:xfrm>
          <a:prstGeom prst="ellipse">
            <a:avLst/>
          </a:prstGeom>
          <a:ln w="63500" cap="rnd">
            <a:solidFill>
              <a:schemeClr val="accent4"/>
            </a:solidFill>
          </a:ln>
          <a:effectLst>
            <a:outerShdw blurRad="381000" dist="292100" dir="5400000" sx="-80000" sy="-18000" rotWithShape="0">
              <a:srgbClr val="000000">
                <a:alpha val="22000"/>
              </a:srgbClr>
            </a:outerShdw>
          </a:effectLst>
          <a:scene3d>
            <a:camera prst="orthographicFront"/>
            <a:lightRig rig="contrasting" dir="t">
              <a:rot lat="0" lon="0" rev="3000000"/>
            </a:lightRig>
          </a:scene3d>
          <a:sp3d contourW="7620">
            <a:bevelT w="95250" h="31750"/>
            <a:contourClr>
              <a:srgbClr val="333333"/>
            </a:contourClr>
          </a:sp3d>
        </p:spPr>
      </p:pic>
      <p:sp>
        <p:nvSpPr>
          <p:cNvPr id="24" name="Unvan 1"/>
          <p:cNvSpPr>
            <a:spLocks noGrp="1"/>
          </p:cNvSpPr>
          <p:nvPr>
            <p:ph type="title"/>
          </p:nvPr>
        </p:nvSpPr>
        <p:spPr>
          <a:xfrm>
            <a:off x="5824508" y="128155"/>
            <a:ext cx="4447648" cy="578823"/>
          </a:xfrm>
          <a:solidFill>
            <a:schemeClr val="accent1">
              <a:lumMod val="40000"/>
              <a:lumOff val="60000"/>
            </a:schemeClr>
          </a:solidFill>
          <a:ln w="28575">
            <a:noFill/>
          </a:ln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>
            <a:noAutofit/>
          </a:bodyPr>
          <a:lstStyle/>
          <a:p>
            <a:pPr algn="ctr"/>
            <a:r>
              <a:rPr lang="tr-TR" sz="3200" dirty="0"/>
              <a:t>Fatiha Suresinin Okunuşu</a:t>
            </a:r>
          </a:p>
        </p:txBody>
      </p:sp>
      <p:pic>
        <p:nvPicPr>
          <p:cNvPr id="3" name="Resim 2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80674" y="439208"/>
            <a:ext cx="5092147" cy="52582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059819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7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6" dur="250" autoRev="1" fill="remove"/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chemeClr val="bg1"/>
                                      </p:to>
                                    </p:animClr>
                                    <p:animClr clrSpc="rgb" dir="cw">
                                      <p:cBhvr>
                                        <p:cTn id="7" dur="250" autoRev="1" fill="remove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bg1"/>
                                      </p:to>
                                    </p:animClr>
                                    <p:set>
                                      <p:cBhvr>
                                        <p:cTn id="8" dur="250" autoRev="1" fill="remove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" dur="250" autoRev="1" fill="remove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001 (online-audio-converter.com)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50" name="Google Shape;1050;p35"/>
          <p:cNvSpPr txBox="1">
            <a:spLocks noGrp="1"/>
          </p:cNvSpPr>
          <p:nvPr>
            <p:ph type="subTitle" idx="4294967295"/>
          </p:nvPr>
        </p:nvSpPr>
        <p:spPr>
          <a:xfrm>
            <a:off x="1499017" y="2304116"/>
            <a:ext cx="3267855" cy="1056800"/>
          </a:xfrm>
          <a:prstGeom prst="rect">
            <a:avLst/>
          </a:prstGeom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lvl="0" indent="0">
              <a:lnSpc>
                <a:spcPct val="100000"/>
              </a:lnSpc>
              <a:buClrTx/>
              <a:buSzTx/>
              <a:buNone/>
              <a:defRPr/>
            </a:pPr>
            <a:r>
              <a:rPr lang="tr-TR" sz="4000" kern="1200" dirty="0">
                <a:solidFill>
                  <a:schemeClr val="tx1"/>
                </a:solidFill>
                <a:latin typeface="Calibri" panose="020F0502020204030204"/>
              </a:rPr>
              <a:t>Video izliyoruz </a:t>
            </a:r>
          </a:p>
        </p:txBody>
      </p:sp>
      <p:sp>
        <p:nvSpPr>
          <p:cNvPr id="1051" name="Google Shape;1051;p35"/>
          <p:cNvSpPr/>
          <p:nvPr/>
        </p:nvSpPr>
        <p:spPr>
          <a:xfrm>
            <a:off x="1616399" y="3671616"/>
            <a:ext cx="2978932" cy="5733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rgbClr val="043B3B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1052" name="Google Shape;1052;p35"/>
          <p:cNvSpPr/>
          <p:nvPr/>
        </p:nvSpPr>
        <p:spPr>
          <a:xfrm>
            <a:off x="1616399" y="1936083"/>
            <a:ext cx="2978932" cy="5733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rgbClr val="043B3B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6" name="Google Shape;1029;p35"/>
          <p:cNvSpPr txBox="1">
            <a:spLocks/>
          </p:cNvSpPr>
          <p:nvPr/>
        </p:nvSpPr>
        <p:spPr>
          <a:xfrm>
            <a:off x="5006715" y="5377206"/>
            <a:ext cx="6644522" cy="41711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lvl="0" indent="0" algn="ctr">
              <a:spcAft>
                <a:spcPts val="2133"/>
              </a:spcAft>
              <a:buNone/>
              <a:defRPr/>
            </a:pPr>
            <a:r>
              <a:rPr kumimoji="0" lang="tr-TR" sz="20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  <a:sym typeface="Comfortaa"/>
                <a:hlinkClick r:id="rId4"/>
              </a:rPr>
              <a:t>Kaynak: </a:t>
            </a:r>
            <a:r>
              <a:rPr lang="tr-TR" sz="2000" dirty="0">
                <a:solidFill>
                  <a:prstClr val="black"/>
                </a:solidFill>
                <a:hlinkClick r:id="rId5"/>
              </a:rPr>
              <a:t>http://youtube.com/watch?v=PSYR6KdeugQ</a:t>
            </a:r>
            <a:r>
              <a:rPr lang="tr-TR" sz="2000" dirty="0">
                <a:solidFill>
                  <a:prstClr val="black"/>
                </a:solidFill>
              </a:rPr>
              <a:t>  </a:t>
            </a:r>
            <a:endParaRPr kumimoji="0" lang="tr-TR" sz="20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cs typeface="Calibri" panose="020F0502020204030204" pitchFamily="34" charset="0"/>
              <a:sym typeface="Comfortaa"/>
            </a:endParaRPr>
          </a:p>
        </p:txBody>
      </p:sp>
      <p:grpSp>
        <p:nvGrpSpPr>
          <p:cNvPr id="27" name="Google Shape;8488;p40"/>
          <p:cNvGrpSpPr/>
          <p:nvPr/>
        </p:nvGrpSpPr>
        <p:grpSpPr>
          <a:xfrm>
            <a:off x="5081667" y="884419"/>
            <a:ext cx="6415789" cy="3987383"/>
            <a:chOff x="310825" y="367425"/>
            <a:chExt cx="6969275" cy="4888550"/>
          </a:xfrm>
        </p:grpSpPr>
        <p:sp>
          <p:nvSpPr>
            <p:cNvPr id="28" name="Google Shape;8489;p40"/>
            <p:cNvSpPr/>
            <p:nvPr/>
          </p:nvSpPr>
          <p:spPr>
            <a:xfrm>
              <a:off x="310825" y="412500"/>
              <a:ext cx="6969275" cy="4843475"/>
            </a:xfrm>
            <a:custGeom>
              <a:avLst/>
              <a:gdLst/>
              <a:ahLst/>
              <a:cxnLst/>
              <a:rect l="l" t="t" r="r" b="b"/>
              <a:pathLst>
                <a:path w="278771" h="193739" extrusionOk="0">
                  <a:moveTo>
                    <a:pt x="4769" y="1"/>
                  </a:moveTo>
                  <a:cubicBezTo>
                    <a:pt x="2152" y="1"/>
                    <a:pt x="0" y="2153"/>
                    <a:pt x="0" y="4770"/>
                  </a:cubicBezTo>
                  <a:lnTo>
                    <a:pt x="0" y="188736"/>
                  </a:lnTo>
                  <a:cubicBezTo>
                    <a:pt x="0" y="191412"/>
                    <a:pt x="2094" y="193622"/>
                    <a:pt x="4769" y="193738"/>
                  </a:cubicBezTo>
                  <a:lnTo>
                    <a:pt x="274467" y="193738"/>
                  </a:lnTo>
                  <a:cubicBezTo>
                    <a:pt x="276968" y="193738"/>
                    <a:pt x="278771" y="191470"/>
                    <a:pt x="278771" y="188736"/>
                  </a:cubicBezTo>
                  <a:lnTo>
                    <a:pt x="278771" y="4828"/>
                  </a:lnTo>
                  <a:cubicBezTo>
                    <a:pt x="278771" y="2036"/>
                    <a:pt x="276968" y="1"/>
                    <a:pt x="274467" y="1"/>
                  </a:cubicBezTo>
                  <a:close/>
                </a:path>
              </a:pathLst>
            </a:custGeom>
            <a:solidFill>
              <a:srgbClr val="043B3B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29" name="Google Shape;8490;p40"/>
            <p:cNvSpPr/>
            <p:nvPr/>
          </p:nvSpPr>
          <p:spPr>
            <a:xfrm>
              <a:off x="412600" y="438675"/>
              <a:ext cx="6765725" cy="4700975"/>
            </a:xfrm>
            <a:custGeom>
              <a:avLst/>
              <a:gdLst/>
              <a:ahLst/>
              <a:cxnLst/>
              <a:rect l="l" t="t" r="r" b="b"/>
              <a:pathLst>
                <a:path w="270629" h="188039" extrusionOk="0">
                  <a:moveTo>
                    <a:pt x="4653" y="1"/>
                  </a:moveTo>
                  <a:cubicBezTo>
                    <a:pt x="2094" y="1"/>
                    <a:pt x="0" y="2094"/>
                    <a:pt x="0" y="4654"/>
                  </a:cubicBezTo>
                  <a:lnTo>
                    <a:pt x="0" y="183153"/>
                  </a:lnTo>
                  <a:cubicBezTo>
                    <a:pt x="0" y="185770"/>
                    <a:pt x="2036" y="187922"/>
                    <a:pt x="4653" y="188038"/>
                  </a:cubicBezTo>
                  <a:lnTo>
                    <a:pt x="266441" y="188038"/>
                  </a:lnTo>
                  <a:cubicBezTo>
                    <a:pt x="268883" y="188038"/>
                    <a:pt x="270628" y="185828"/>
                    <a:pt x="270628" y="183153"/>
                  </a:cubicBezTo>
                  <a:lnTo>
                    <a:pt x="270628" y="4654"/>
                  </a:lnTo>
                  <a:cubicBezTo>
                    <a:pt x="270628" y="1978"/>
                    <a:pt x="268883" y="1"/>
                    <a:pt x="266441" y="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0" name="Google Shape;8491;p40"/>
            <p:cNvSpPr/>
            <p:nvPr/>
          </p:nvSpPr>
          <p:spPr>
            <a:xfrm>
              <a:off x="310825" y="367425"/>
              <a:ext cx="6969275" cy="508950"/>
            </a:xfrm>
            <a:custGeom>
              <a:avLst/>
              <a:gdLst/>
              <a:ahLst/>
              <a:cxnLst/>
              <a:rect l="l" t="t" r="r" b="b"/>
              <a:pathLst>
                <a:path w="278771" h="20358" extrusionOk="0">
                  <a:moveTo>
                    <a:pt x="4769" y="1"/>
                  </a:moveTo>
                  <a:cubicBezTo>
                    <a:pt x="2152" y="1"/>
                    <a:pt x="0" y="2153"/>
                    <a:pt x="0" y="4770"/>
                  </a:cubicBezTo>
                  <a:lnTo>
                    <a:pt x="0" y="20357"/>
                  </a:lnTo>
                  <a:lnTo>
                    <a:pt x="278771" y="20357"/>
                  </a:lnTo>
                  <a:lnTo>
                    <a:pt x="278771" y="4770"/>
                  </a:lnTo>
                  <a:cubicBezTo>
                    <a:pt x="278771" y="2036"/>
                    <a:pt x="276968" y="1"/>
                    <a:pt x="274467" y="1"/>
                  </a:cubicBezTo>
                  <a:close/>
                </a:path>
              </a:pathLst>
            </a:custGeom>
            <a:solidFill>
              <a:srgbClr val="043B3B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1" name="Google Shape;8492;p40"/>
            <p:cNvSpPr/>
            <p:nvPr/>
          </p:nvSpPr>
          <p:spPr>
            <a:xfrm>
              <a:off x="2134200" y="1172975"/>
              <a:ext cx="3200375" cy="3079475"/>
            </a:xfrm>
            <a:custGeom>
              <a:avLst/>
              <a:gdLst/>
              <a:ahLst/>
              <a:cxnLst/>
              <a:rect l="l" t="t" r="r" b="b"/>
              <a:pathLst>
                <a:path w="128015" h="123179" extrusionOk="0">
                  <a:moveTo>
                    <a:pt x="66436" y="12973"/>
                  </a:moveTo>
                  <a:cubicBezTo>
                    <a:pt x="72703" y="12973"/>
                    <a:pt x="79021" y="14188"/>
                    <a:pt x="85033" y="16693"/>
                  </a:cubicBezTo>
                  <a:cubicBezTo>
                    <a:pt x="103238" y="24196"/>
                    <a:pt x="115045" y="41935"/>
                    <a:pt x="115045" y="61594"/>
                  </a:cubicBezTo>
                  <a:cubicBezTo>
                    <a:pt x="115045" y="88465"/>
                    <a:pt x="93292" y="110217"/>
                    <a:pt x="66479" y="110217"/>
                  </a:cubicBezTo>
                  <a:cubicBezTo>
                    <a:pt x="46763" y="110217"/>
                    <a:pt x="29023" y="98352"/>
                    <a:pt x="21520" y="80206"/>
                  </a:cubicBezTo>
                  <a:cubicBezTo>
                    <a:pt x="14017" y="62059"/>
                    <a:pt x="18147" y="41121"/>
                    <a:pt x="32048" y="27220"/>
                  </a:cubicBezTo>
                  <a:cubicBezTo>
                    <a:pt x="41343" y="17925"/>
                    <a:pt x="53786" y="12973"/>
                    <a:pt x="66436" y="12973"/>
                  </a:cubicBezTo>
                  <a:close/>
                  <a:moveTo>
                    <a:pt x="66479" y="0"/>
                  </a:moveTo>
                  <a:cubicBezTo>
                    <a:pt x="41528" y="0"/>
                    <a:pt x="19077" y="15006"/>
                    <a:pt x="9539" y="38038"/>
                  </a:cubicBezTo>
                  <a:cubicBezTo>
                    <a:pt x="0" y="61070"/>
                    <a:pt x="5293" y="87534"/>
                    <a:pt x="22916" y="105157"/>
                  </a:cubicBezTo>
                  <a:cubicBezTo>
                    <a:pt x="34693" y="116934"/>
                    <a:pt x="50419" y="123179"/>
                    <a:pt x="66430" y="123179"/>
                  </a:cubicBezTo>
                  <a:cubicBezTo>
                    <a:pt x="74377" y="123179"/>
                    <a:pt x="82395" y="121640"/>
                    <a:pt x="90035" y="118476"/>
                  </a:cubicBezTo>
                  <a:cubicBezTo>
                    <a:pt x="113009" y="108938"/>
                    <a:pt x="128015" y="86487"/>
                    <a:pt x="128015" y="61594"/>
                  </a:cubicBezTo>
                  <a:cubicBezTo>
                    <a:pt x="128015" y="27569"/>
                    <a:pt x="100446" y="0"/>
                    <a:pt x="66479" y="0"/>
                  </a:cubicBezTo>
                  <a:close/>
                </a:path>
              </a:pathLst>
            </a:custGeom>
            <a:solidFill>
              <a:srgbClr val="00908E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2" name="Google Shape;8493;p40"/>
            <p:cNvSpPr/>
            <p:nvPr/>
          </p:nvSpPr>
          <p:spPr>
            <a:xfrm>
              <a:off x="3370125" y="2064300"/>
              <a:ext cx="1193800" cy="1488975"/>
            </a:xfrm>
            <a:custGeom>
              <a:avLst/>
              <a:gdLst/>
              <a:ahLst/>
              <a:cxnLst/>
              <a:rect l="l" t="t" r="r" b="b"/>
              <a:pathLst>
                <a:path w="47752" h="59559" extrusionOk="0">
                  <a:moveTo>
                    <a:pt x="1" y="1"/>
                  </a:moveTo>
                  <a:lnTo>
                    <a:pt x="292" y="59558"/>
                  </a:lnTo>
                  <a:lnTo>
                    <a:pt x="47752" y="29896"/>
                  </a:lnTo>
                  <a:lnTo>
                    <a:pt x="1" y="1"/>
                  </a:lnTo>
                  <a:close/>
                </a:path>
              </a:pathLst>
            </a:custGeom>
            <a:solidFill>
              <a:srgbClr val="00908E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3" name="Google Shape;8494;p40"/>
            <p:cNvSpPr/>
            <p:nvPr/>
          </p:nvSpPr>
          <p:spPr>
            <a:xfrm>
              <a:off x="398050" y="4443125"/>
              <a:ext cx="6794800" cy="769225"/>
            </a:xfrm>
            <a:custGeom>
              <a:avLst/>
              <a:gdLst/>
              <a:ahLst/>
              <a:cxnLst/>
              <a:rect l="l" t="t" r="r" b="b"/>
              <a:pathLst>
                <a:path w="271792" h="30769" extrusionOk="0">
                  <a:moveTo>
                    <a:pt x="1" y="1"/>
                  </a:moveTo>
                  <a:lnTo>
                    <a:pt x="1" y="30768"/>
                  </a:lnTo>
                  <a:lnTo>
                    <a:pt x="271792" y="30768"/>
                  </a:lnTo>
                  <a:lnTo>
                    <a:pt x="271792" y="1"/>
                  </a:lnTo>
                  <a:close/>
                </a:path>
              </a:pathLst>
            </a:custGeom>
            <a:solidFill>
              <a:srgbClr val="043B3B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4" name="Google Shape;8495;p40"/>
            <p:cNvSpPr/>
            <p:nvPr/>
          </p:nvSpPr>
          <p:spPr>
            <a:xfrm>
              <a:off x="617625" y="4565275"/>
              <a:ext cx="6310600" cy="34925"/>
            </a:xfrm>
            <a:custGeom>
              <a:avLst/>
              <a:gdLst/>
              <a:ahLst/>
              <a:cxnLst/>
              <a:rect l="l" t="t" r="r" b="b"/>
              <a:pathLst>
                <a:path w="252424" h="1397" extrusionOk="0">
                  <a:moveTo>
                    <a:pt x="0" y="0"/>
                  </a:moveTo>
                  <a:lnTo>
                    <a:pt x="0" y="1396"/>
                  </a:lnTo>
                  <a:lnTo>
                    <a:pt x="252423" y="1396"/>
                  </a:lnTo>
                  <a:lnTo>
                    <a:pt x="252423" y="0"/>
                  </a:lnTo>
                  <a:close/>
                </a:path>
              </a:pathLst>
            </a:custGeom>
            <a:solidFill>
              <a:srgbClr val="D9E2E9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5" name="Google Shape;8496;p40"/>
            <p:cNvSpPr/>
            <p:nvPr/>
          </p:nvSpPr>
          <p:spPr>
            <a:xfrm>
              <a:off x="617625" y="4565275"/>
              <a:ext cx="2576600" cy="34925"/>
            </a:xfrm>
            <a:custGeom>
              <a:avLst/>
              <a:gdLst/>
              <a:ahLst/>
              <a:cxnLst/>
              <a:rect l="l" t="t" r="r" b="b"/>
              <a:pathLst>
                <a:path w="103064" h="1397" extrusionOk="0">
                  <a:moveTo>
                    <a:pt x="0" y="0"/>
                  </a:moveTo>
                  <a:lnTo>
                    <a:pt x="0" y="1396"/>
                  </a:lnTo>
                  <a:lnTo>
                    <a:pt x="103063" y="1396"/>
                  </a:lnTo>
                  <a:lnTo>
                    <a:pt x="103063" y="0"/>
                  </a:lnTo>
                  <a:close/>
                </a:path>
              </a:pathLst>
            </a:custGeom>
            <a:solidFill>
              <a:srgbClr val="00908E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6" name="Google Shape;8497;p40"/>
            <p:cNvSpPr/>
            <p:nvPr/>
          </p:nvSpPr>
          <p:spPr>
            <a:xfrm>
              <a:off x="1825925" y="4761575"/>
              <a:ext cx="167250" cy="234125"/>
            </a:xfrm>
            <a:custGeom>
              <a:avLst/>
              <a:gdLst/>
              <a:ahLst/>
              <a:cxnLst/>
              <a:rect l="l" t="t" r="r" b="b"/>
              <a:pathLst>
                <a:path w="6690" h="9365" extrusionOk="0">
                  <a:moveTo>
                    <a:pt x="1" y="0"/>
                  </a:moveTo>
                  <a:lnTo>
                    <a:pt x="1" y="9364"/>
                  </a:lnTo>
                  <a:lnTo>
                    <a:pt x="6690" y="4653"/>
                  </a:lnTo>
                  <a:lnTo>
                    <a:pt x="1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7" name="Google Shape;8498;p40"/>
            <p:cNvSpPr/>
            <p:nvPr/>
          </p:nvSpPr>
          <p:spPr>
            <a:xfrm>
              <a:off x="2022225" y="4761575"/>
              <a:ext cx="39300" cy="234125"/>
            </a:xfrm>
            <a:custGeom>
              <a:avLst/>
              <a:gdLst/>
              <a:ahLst/>
              <a:cxnLst/>
              <a:rect l="l" t="t" r="r" b="b"/>
              <a:pathLst>
                <a:path w="1572" h="9365" extrusionOk="0">
                  <a:moveTo>
                    <a:pt x="1" y="0"/>
                  </a:moveTo>
                  <a:lnTo>
                    <a:pt x="1" y="9364"/>
                  </a:lnTo>
                  <a:lnTo>
                    <a:pt x="1571" y="9364"/>
                  </a:lnTo>
                  <a:lnTo>
                    <a:pt x="1571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8" name="Google Shape;8499;p40"/>
            <p:cNvSpPr/>
            <p:nvPr/>
          </p:nvSpPr>
          <p:spPr>
            <a:xfrm>
              <a:off x="1351925" y="4761575"/>
              <a:ext cx="167225" cy="234125"/>
            </a:xfrm>
            <a:custGeom>
              <a:avLst/>
              <a:gdLst/>
              <a:ahLst/>
              <a:cxnLst/>
              <a:rect l="l" t="t" r="r" b="b"/>
              <a:pathLst>
                <a:path w="6689" h="9365" extrusionOk="0">
                  <a:moveTo>
                    <a:pt x="0" y="0"/>
                  </a:moveTo>
                  <a:lnTo>
                    <a:pt x="0" y="9364"/>
                  </a:lnTo>
                  <a:lnTo>
                    <a:pt x="6689" y="4653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9" name="Google Shape;8500;p40"/>
            <p:cNvSpPr/>
            <p:nvPr/>
          </p:nvSpPr>
          <p:spPr>
            <a:xfrm>
              <a:off x="877900" y="4761575"/>
              <a:ext cx="167225" cy="234125"/>
            </a:xfrm>
            <a:custGeom>
              <a:avLst/>
              <a:gdLst/>
              <a:ahLst/>
              <a:cxnLst/>
              <a:rect l="l" t="t" r="r" b="b"/>
              <a:pathLst>
                <a:path w="6689" h="9365" extrusionOk="0">
                  <a:moveTo>
                    <a:pt x="6689" y="0"/>
                  </a:moveTo>
                  <a:lnTo>
                    <a:pt x="0" y="4653"/>
                  </a:lnTo>
                  <a:lnTo>
                    <a:pt x="6689" y="9364"/>
                  </a:lnTo>
                  <a:lnTo>
                    <a:pt x="6689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0" name="Google Shape;8501;p40"/>
            <p:cNvSpPr/>
            <p:nvPr/>
          </p:nvSpPr>
          <p:spPr>
            <a:xfrm>
              <a:off x="809550" y="4761575"/>
              <a:ext cx="39300" cy="234125"/>
            </a:xfrm>
            <a:custGeom>
              <a:avLst/>
              <a:gdLst/>
              <a:ahLst/>
              <a:cxnLst/>
              <a:rect l="l" t="t" r="r" b="b"/>
              <a:pathLst>
                <a:path w="1572" h="9365" extrusionOk="0">
                  <a:moveTo>
                    <a:pt x="1" y="0"/>
                  </a:moveTo>
                  <a:lnTo>
                    <a:pt x="1" y="9364"/>
                  </a:lnTo>
                  <a:lnTo>
                    <a:pt x="1571" y="9364"/>
                  </a:lnTo>
                  <a:lnTo>
                    <a:pt x="1571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1" name="Google Shape;8502;p40"/>
            <p:cNvSpPr/>
            <p:nvPr/>
          </p:nvSpPr>
          <p:spPr>
            <a:xfrm>
              <a:off x="5477050" y="4719400"/>
              <a:ext cx="303925" cy="299550"/>
            </a:xfrm>
            <a:custGeom>
              <a:avLst/>
              <a:gdLst/>
              <a:ahLst/>
              <a:cxnLst/>
              <a:rect l="l" t="t" r="r" b="b"/>
              <a:pathLst>
                <a:path w="12157" h="11982" extrusionOk="0">
                  <a:moveTo>
                    <a:pt x="6050" y="4072"/>
                  </a:moveTo>
                  <a:cubicBezTo>
                    <a:pt x="7155" y="4072"/>
                    <a:pt x="8027" y="4944"/>
                    <a:pt x="8027" y="5991"/>
                  </a:cubicBezTo>
                  <a:cubicBezTo>
                    <a:pt x="8067" y="7217"/>
                    <a:pt x="7085" y="8013"/>
                    <a:pt x="6068" y="8013"/>
                  </a:cubicBezTo>
                  <a:cubicBezTo>
                    <a:pt x="5589" y="8013"/>
                    <a:pt x="5103" y="7836"/>
                    <a:pt x="4712" y="7445"/>
                  </a:cubicBezTo>
                  <a:cubicBezTo>
                    <a:pt x="3432" y="6224"/>
                    <a:pt x="4305" y="4072"/>
                    <a:pt x="6050" y="4072"/>
                  </a:cubicBezTo>
                  <a:close/>
                  <a:moveTo>
                    <a:pt x="5410" y="0"/>
                  </a:moveTo>
                  <a:cubicBezTo>
                    <a:pt x="5119" y="582"/>
                    <a:pt x="4886" y="1105"/>
                    <a:pt x="4712" y="1687"/>
                  </a:cubicBezTo>
                  <a:lnTo>
                    <a:pt x="3956" y="1978"/>
                  </a:lnTo>
                  <a:cubicBezTo>
                    <a:pt x="3432" y="1745"/>
                    <a:pt x="2851" y="1513"/>
                    <a:pt x="2269" y="1338"/>
                  </a:cubicBezTo>
                  <a:lnTo>
                    <a:pt x="1280" y="2269"/>
                  </a:lnTo>
                  <a:cubicBezTo>
                    <a:pt x="1513" y="2850"/>
                    <a:pt x="1746" y="3374"/>
                    <a:pt x="1978" y="3897"/>
                  </a:cubicBezTo>
                  <a:lnTo>
                    <a:pt x="1687" y="4653"/>
                  </a:lnTo>
                  <a:cubicBezTo>
                    <a:pt x="1106" y="4828"/>
                    <a:pt x="524" y="5060"/>
                    <a:pt x="1" y="5351"/>
                  </a:cubicBezTo>
                  <a:lnTo>
                    <a:pt x="1" y="6689"/>
                  </a:lnTo>
                  <a:cubicBezTo>
                    <a:pt x="524" y="6980"/>
                    <a:pt x="1106" y="7154"/>
                    <a:pt x="1687" y="7387"/>
                  </a:cubicBezTo>
                  <a:lnTo>
                    <a:pt x="1978" y="8085"/>
                  </a:lnTo>
                  <a:cubicBezTo>
                    <a:pt x="1746" y="8667"/>
                    <a:pt x="1513" y="9190"/>
                    <a:pt x="1338" y="9772"/>
                  </a:cubicBezTo>
                  <a:lnTo>
                    <a:pt x="2269" y="10702"/>
                  </a:lnTo>
                  <a:cubicBezTo>
                    <a:pt x="2851" y="10528"/>
                    <a:pt x="3432" y="10295"/>
                    <a:pt x="3956" y="10062"/>
                  </a:cubicBezTo>
                  <a:lnTo>
                    <a:pt x="4712" y="10353"/>
                  </a:lnTo>
                  <a:cubicBezTo>
                    <a:pt x="4886" y="10877"/>
                    <a:pt x="5119" y="11458"/>
                    <a:pt x="5410" y="11982"/>
                  </a:cubicBezTo>
                  <a:lnTo>
                    <a:pt x="6748" y="11982"/>
                  </a:lnTo>
                  <a:cubicBezTo>
                    <a:pt x="7038" y="11458"/>
                    <a:pt x="7271" y="10877"/>
                    <a:pt x="7504" y="10353"/>
                  </a:cubicBezTo>
                  <a:lnTo>
                    <a:pt x="8202" y="10062"/>
                  </a:lnTo>
                  <a:cubicBezTo>
                    <a:pt x="8783" y="10295"/>
                    <a:pt x="9365" y="10470"/>
                    <a:pt x="9946" y="10702"/>
                  </a:cubicBezTo>
                  <a:lnTo>
                    <a:pt x="10877" y="9772"/>
                  </a:lnTo>
                  <a:cubicBezTo>
                    <a:pt x="10703" y="9190"/>
                    <a:pt x="10470" y="8608"/>
                    <a:pt x="10179" y="8085"/>
                  </a:cubicBezTo>
                  <a:lnTo>
                    <a:pt x="10528" y="7387"/>
                  </a:lnTo>
                  <a:cubicBezTo>
                    <a:pt x="11052" y="7154"/>
                    <a:pt x="11633" y="6922"/>
                    <a:pt x="12157" y="6631"/>
                  </a:cubicBezTo>
                  <a:lnTo>
                    <a:pt x="12157" y="5351"/>
                  </a:lnTo>
                  <a:cubicBezTo>
                    <a:pt x="11633" y="5060"/>
                    <a:pt x="11052" y="4828"/>
                    <a:pt x="10528" y="4653"/>
                  </a:cubicBezTo>
                  <a:lnTo>
                    <a:pt x="10179" y="3897"/>
                  </a:lnTo>
                  <a:cubicBezTo>
                    <a:pt x="10470" y="3374"/>
                    <a:pt x="10644" y="2792"/>
                    <a:pt x="10819" y="2211"/>
                  </a:cubicBezTo>
                  <a:lnTo>
                    <a:pt x="9888" y="1280"/>
                  </a:lnTo>
                  <a:cubicBezTo>
                    <a:pt x="9307" y="1454"/>
                    <a:pt x="8783" y="1687"/>
                    <a:pt x="8202" y="1978"/>
                  </a:cubicBezTo>
                  <a:lnTo>
                    <a:pt x="7504" y="1687"/>
                  </a:lnTo>
                  <a:cubicBezTo>
                    <a:pt x="7271" y="1105"/>
                    <a:pt x="7038" y="524"/>
                    <a:pt x="6748" y="0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2" name="Google Shape;8503;p40"/>
            <p:cNvSpPr/>
            <p:nvPr/>
          </p:nvSpPr>
          <p:spPr>
            <a:xfrm>
              <a:off x="5997600" y="4752850"/>
              <a:ext cx="349000" cy="229750"/>
            </a:xfrm>
            <a:custGeom>
              <a:avLst/>
              <a:gdLst/>
              <a:ahLst/>
              <a:cxnLst/>
              <a:rect l="l" t="t" r="r" b="b"/>
              <a:pathLst>
                <a:path w="13960" h="9190" extrusionOk="0">
                  <a:moveTo>
                    <a:pt x="12913" y="1047"/>
                  </a:moveTo>
                  <a:lnTo>
                    <a:pt x="12913" y="8143"/>
                  </a:lnTo>
                  <a:lnTo>
                    <a:pt x="1048" y="8143"/>
                  </a:lnTo>
                  <a:lnTo>
                    <a:pt x="1048" y="1047"/>
                  </a:lnTo>
                  <a:close/>
                  <a:moveTo>
                    <a:pt x="1" y="0"/>
                  </a:moveTo>
                  <a:lnTo>
                    <a:pt x="1" y="9190"/>
                  </a:lnTo>
                  <a:lnTo>
                    <a:pt x="13960" y="9190"/>
                  </a:lnTo>
                  <a:lnTo>
                    <a:pt x="13960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3" name="Google Shape;8504;p40"/>
            <p:cNvSpPr/>
            <p:nvPr/>
          </p:nvSpPr>
          <p:spPr>
            <a:xfrm>
              <a:off x="6720275" y="4728125"/>
              <a:ext cx="114900" cy="114900"/>
            </a:xfrm>
            <a:custGeom>
              <a:avLst/>
              <a:gdLst/>
              <a:ahLst/>
              <a:cxnLst/>
              <a:rect l="l" t="t" r="r" b="b"/>
              <a:pathLst>
                <a:path w="4596" h="4596" extrusionOk="0">
                  <a:moveTo>
                    <a:pt x="0" y="0"/>
                  </a:moveTo>
                  <a:lnTo>
                    <a:pt x="0" y="1047"/>
                  </a:lnTo>
                  <a:lnTo>
                    <a:pt x="3548" y="1047"/>
                  </a:lnTo>
                  <a:lnTo>
                    <a:pt x="3548" y="4595"/>
                  </a:lnTo>
                  <a:lnTo>
                    <a:pt x="4595" y="4595"/>
                  </a:lnTo>
                  <a:lnTo>
                    <a:pt x="4595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4" name="Google Shape;8505;p40"/>
            <p:cNvSpPr/>
            <p:nvPr/>
          </p:nvSpPr>
          <p:spPr>
            <a:xfrm>
              <a:off x="6557425" y="4728125"/>
              <a:ext cx="113425" cy="114900"/>
            </a:xfrm>
            <a:custGeom>
              <a:avLst/>
              <a:gdLst/>
              <a:ahLst/>
              <a:cxnLst/>
              <a:rect l="l" t="t" r="r" b="b"/>
              <a:pathLst>
                <a:path w="4537" h="4596" extrusionOk="0">
                  <a:moveTo>
                    <a:pt x="0" y="0"/>
                  </a:moveTo>
                  <a:lnTo>
                    <a:pt x="0" y="4595"/>
                  </a:lnTo>
                  <a:lnTo>
                    <a:pt x="989" y="4595"/>
                  </a:lnTo>
                  <a:lnTo>
                    <a:pt x="989" y="1047"/>
                  </a:lnTo>
                  <a:lnTo>
                    <a:pt x="4537" y="1047"/>
                  </a:lnTo>
                  <a:lnTo>
                    <a:pt x="453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5" name="Google Shape;8506;p40"/>
            <p:cNvSpPr/>
            <p:nvPr/>
          </p:nvSpPr>
          <p:spPr>
            <a:xfrm>
              <a:off x="6720275" y="4892425"/>
              <a:ext cx="114900" cy="113450"/>
            </a:xfrm>
            <a:custGeom>
              <a:avLst/>
              <a:gdLst/>
              <a:ahLst/>
              <a:cxnLst/>
              <a:rect l="l" t="t" r="r" b="b"/>
              <a:pathLst>
                <a:path w="4596" h="4538" extrusionOk="0">
                  <a:moveTo>
                    <a:pt x="3548" y="1"/>
                  </a:moveTo>
                  <a:lnTo>
                    <a:pt x="3548" y="3549"/>
                  </a:lnTo>
                  <a:lnTo>
                    <a:pt x="0" y="3549"/>
                  </a:lnTo>
                  <a:lnTo>
                    <a:pt x="0" y="4537"/>
                  </a:lnTo>
                  <a:lnTo>
                    <a:pt x="4595" y="4537"/>
                  </a:lnTo>
                  <a:lnTo>
                    <a:pt x="4595" y="1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6" name="Google Shape;8507;p40"/>
            <p:cNvSpPr/>
            <p:nvPr/>
          </p:nvSpPr>
          <p:spPr>
            <a:xfrm>
              <a:off x="6557425" y="4892425"/>
              <a:ext cx="113425" cy="113450"/>
            </a:xfrm>
            <a:custGeom>
              <a:avLst/>
              <a:gdLst/>
              <a:ahLst/>
              <a:cxnLst/>
              <a:rect l="l" t="t" r="r" b="b"/>
              <a:pathLst>
                <a:path w="4537" h="4538" extrusionOk="0">
                  <a:moveTo>
                    <a:pt x="0" y="1"/>
                  </a:moveTo>
                  <a:lnTo>
                    <a:pt x="0" y="4537"/>
                  </a:lnTo>
                  <a:lnTo>
                    <a:pt x="4537" y="4537"/>
                  </a:lnTo>
                  <a:lnTo>
                    <a:pt x="4537" y="3549"/>
                  </a:lnTo>
                  <a:lnTo>
                    <a:pt x="989" y="3549"/>
                  </a:lnTo>
                  <a:lnTo>
                    <a:pt x="989" y="1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7" name="Google Shape;8508;p40"/>
            <p:cNvSpPr/>
            <p:nvPr/>
          </p:nvSpPr>
          <p:spPr>
            <a:xfrm>
              <a:off x="3116100" y="4521600"/>
              <a:ext cx="142100" cy="120775"/>
            </a:xfrm>
            <a:custGeom>
              <a:avLst/>
              <a:gdLst/>
              <a:ahLst/>
              <a:cxnLst/>
              <a:rect l="l" t="t" r="r" b="b"/>
              <a:pathLst>
                <a:path w="5684" h="4831" extrusionOk="0">
                  <a:moveTo>
                    <a:pt x="3342" y="0"/>
                  </a:moveTo>
                  <a:cubicBezTo>
                    <a:pt x="3308" y="0"/>
                    <a:pt x="3274" y="1"/>
                    <a:pt x="3241" y="2"/>
                  </a:cubicBezTo>
                  <a:cubicBezTo>
                    <a:pt x="3217" y="2"/>
                    <a:pt x="3194" y="1"/>
                    <a:pt x="3170" y="1"/>
                  </a:cubicBezTo>
                  <a:cubicBezTo>
                    <a:pt x="1065" y="1"/>
                    <a:pt x="0" y="2579"/>
                    <a:pt x="1496" y="4132"/>
                  </a:cubicBezTo>
                  <a:cubicBezTo>
                    <a:pt x="1998" y="4615"/>
                    <a:pt x="2606" y="4831"/>
                    <a:pt x="3202" y="4831"/>
                  </a:cubicBezTo>
                  <a:cubicBezTo>
                    <a:pt x="4472" y="4831"/>
                    <a:pt x="5684" y="3851"/>
                    <a:pt x="5684" y="2387"/>
                  </a:cubicBezTo>
                  <a:cubicBezTo>
                    <a:pt x="5684" y="1083"/>
                    <a:pt x="4634" y="0"/>
                    <a:pt x="3342" y="0"/>
                  </a:cubicBezTo>
                  <a:close/>
                </a:path>
              </a:pathLst>
            </a:custGeom>
            <a:solidFill>
              <a:srgbClr val="00908E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756032255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ikdörtgen 2"/>
          <p:cNvSpPr/>
          <p:nvPr/>
        </p:nvSpPr>
        <p:spPr>
          <a:xfrm>
            <a:off x="6137711" y="102471"/>
            <a:ext cx="5640867" cy="6203395"/>
          </a:xfrm>
          <a:prstGeom prst="rect">
            <a:avLst/>
          </a:prstGeom>
          <a:ln w="38100">
            <a:solidFill>
              <a:srgbClr val="72D4E3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15" name="Dikdörtgen 14"/>
          <p:cNvSpPr/>
          <p:nvPr/>
        </p:nvSpPr>
        <p:spPr>
          <a:xfrm>
            <a:off x="304800" y="68061"/>
            <a:ext cx="5730455" cy="808721"/>
          </a:xfrm>
          <a:prstGeom prst="rect">
            <a:avLst/>
          </a:prstGeom>
          <a:solidFill>
            <a:schemeClr val="accent2">
              <a:lumMod val="60000"/>
              <a:lumOff val="40000"/>
            </a:schemeClr>
          </a:solidFill>
          <a:ln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lvl="0" algn="ctr">
              <a:defRPr/>
            </a:pPr>
            <a:r>
              <a:rPr lang="tr-TR" sz="2400" dirty="0">
                <a:solidFill>
                  <a:prstClr val="black"/>
                </a:solidFill>
              </a:rPr>
              <a:t>Karışık şekilde verilen </a:t>
            </a:r>
            <a:r>
              <a:rPr lang="tr-TR" sz="2400" b="1" dirty="0">
                <a:solidFill>
                  <a:prstClr val="black"/>
                </a:solidFill>
              </a:rPr>
              <a:t>FATİHA suresini </a:t>
            </a:r>
            <a:r>
              <a:rPr lang="tr-TR" sz="2400" dirty="0">
                <a:solidFill>
                  <a:prstClr val="black"/>
                </a:solidFill>
              </a:rPr>
              <a:t>sıralayınız.</a:t>
            </a:r>
            <a:endParaRPr lang="tr-TR" sz="5400" dirty="0">
              <a:solidFill>
                <a:prstClr val="black"/>
              </a:solidFill>
            </a:endParaRPr>
          </a:p>
        </p:txBody>
      </p:sp>
      <p:sp>
        <p:nvSpPr>
          <p:cNvPr id="16" name="y 2"/>
          <p:cNvSpPr/>
          <p:nvPr/>
        </p:nvSpPr>
        <p:spPr>
          <a:xfrm>
            <a:off x="304799" y="4257500"/>
            <a:ext cx="5684303" cy="6389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r>
              <a:rPr lang="tr-TR" sz="2800" dirty="0" err="1">
                <a:solidFill>
                  <a:schemeClr val="tx1"/>
                </a:solidFill>
              </a:rPr>
              <a:t>İyyâke</a:t>
            </a:r>
            <a:r>
              <a:rPr lang="tr-TR" sz="2800" dirty="0">
                <a:solidFill>
                  <a:schemeClr val="tx1"/>
                </a:solidFill>
              </a:rPr>
              <a:t> </a:t>
            </a:r>
            <a:r>
              <a:rPr lang="tr-TR" sz="2800" dirty="0" err="1">
                <a:solidFill>
                  <a:schemeClr val="tx1"/>
                </a:solidFill>
              </a:rPr>
              <a:t>na'budü</a:t>
            </a:r>
            <a:r>
              <a:rPr lang="tr-TR" sz="2800" dirty="0">
                <a:solidFill>
                  <a:schemeClr val="tx1"/>
                </a:solidFill>
              </a:rPr>
              <a:t> ve </a:t>
            </a:r>
            <a:r>
              <a:rPr lang="tr-TR" sz="2800" dirty="0" err="1">
                <a:solidFill>
                  <a:schemeClr val="tx1"/>
                </a:solidFill>
              </a:rPr>
              <a:t>iyyâke</a:t>
            </a:r>
            <a:r>
              <a:rPr lang="tr-TR" sz="2800" dirty="0">
                <a:solidFill>
                  <a:schemeClr val="tx1"/>
                </a:solidFill>
              </a:rPr>
              <a:t> </a:t>
            </a:r>
            <a:r>
              <a:rPr lang="tr-TR" sz="2800" dirty="0" err="1">
                <a:solidFill>
                  <a:schemeClr val="tx1"/>
                </a:solidFill>
              </a:rPr>
              <a:t>neste'în</a:t>
            </a:r>
            <a:endParaRPr kumimoji="0" lang="en-IN" sz="2800" b="1" i="0" u="none" strike="noStrike" kern="1200" cap="none" spc="0" normalizeH="0" baseline="0" noProof="0" dirty="0">
              <a:ln>
                <a:noFill/>
              </a:ln>
              <a:solidFill>
                <a:srgbClr val="660066"/>
              </a:solidFill>
              <a:effectLst/>
              <a:uLnTx/>
              <a:uFillTx/>
              <a:latin typeface="Agency FB" panose="020B0503020202020204" pitchFamily="34" charset="0"/>
            </a:endParaRPr>
          </a:p>
        </p:txBody>
      </p:sp>
      <p:sp>
        <p:nvSpPr>
          <p:cNvPr id="17" name="y 1"/>
          <p:cNvSpPr/>
          <p:nvPr/>
        </p:nvSpPr>
        <p:spPr>
          <a:xfrm>
            <a:off x="304799" y="961865"/>
            <a:ext cx="5693043" cy="501964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r>
              <a:rPr lang="tr-TR" sz="2800" dirty="0" err="1">
                <a:solidFill>
                  <a:schemeClr val="tx1"/>
                </a:solidFill>
              </a:rPr>
              <a:t>Mâliki</a:t>
            </a:r>
            <a:r>
              <a:rPr lang="tr-TR" sz="2800" dirty="0">
                <a:solidFill>
                  <a:schemeClr val="tx1"/>
                </a:solidFill>
              </a:rPr>
              <a:t> </a:t>
            </a:r>
            <a:r>
              <a:rPr lang="tr-TR" sz="2800" dirty="0" err="1">
                <a:solidFill>
                  <a:schemeClr val="tx1"/>
                </a:solidFill>
              </a:rPr>
              <a:t>yevmiddin</a:t>
            </a:r>
            <a:endParaRPr kumimoji="0" lang="en-IN" sz="2800" b="1" i="0" u="none" strike="noStrike" kern="1200" cap="none" spc="0" normalizeH="0" baseline="0" noProof="0" dirty="0">
              <a:ln>
                <a:noFill/>
              </a:ln>
              <a:solidFill>
                <a:srgbClr val="CC0000"/>
              </a:solidFill>
              <a:effectLst/>
              <a:uLnTx/>
              <a:uFillTx/>
              <a:latin typeface="Agency FB" panose="020B0503020202020204" pitchFamily="34" charset="0"/>
            </a:endParaRPr>
          </a:p>
        </p:txBody>
      </p:sp>
      <p:sp>
        <p:nvSpPr>
          <p:cNvPr id="18" name="D"/>
          <p:cNvSpPr/>
          <p:nvPr/>
        </p:nvSpPr>
        <p:spPr>
          <a:xfrm>
            <a:off x="323323" y="1591927"/>
            <a:ext cx="5674518" cy="585785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r>
              <a:rPr lang="tr-TR" sz="2800" dirty="0" err="1">
                <a:solidFill>
                  <a:schemeClr val="tx1"/>
                </a:solidFill>
              </a:rPr>
              <a:t>Bismillahirrahmânirrahîm</a:t>
            </a:r>
            <a:r>
              <a:rPr lang="tr-TR" sz="2800" dirty="0">
                <a:solidFill>
                  <a:schemeClr val="tx1"/>
                </a:solidFill>
              </a:rPr>
              <a:t>.</a:t>
            </a:r>
            <a:endParaRPr kumimoji="0" lang="en-IN" sz="2800" b="1" i="0" u="none" strike="noStrike" kern="1200" cap="none" spc="0" normalizeH="0" baseline="0" noProof="0" dirty="0">
              <a:ln>
                <a:noFill/>
              </a:ln>
              <a:solidFill>
                <a:srgbClr val="0033CC"/>
              </a:solidFill>
              <a:effectLst/>
              <a:uLnTx/>
              <a:uFillTx/>
              <a:latin typeface="Agency FB" panose="020B0503020202020204" pitchFamily="34" charset="0"/>
            </a:endParaRPr>
          </a:p>
        </p:txBody>
      </p:sp>
      <p:sp>
        <p:nvSpPr>
          <p:cNvPr id="19" name="Yuvarlatılmış Dikdörtgen 18"/>
          <p:cNvSpPr/>
          <p:nvPr/>
        </p:nvSpPr>
        <p:spPr>
          <a:xfrm>
            <a:off x="6146450" y="112646"/>
            <a:ext cx="5632128" cy="562097"/>
          </a:xfrm>
          <a:prstGeom prst="roundRect">
            <a:avLst>
              <a:gd name="adj" fmla="val 0"/>
            </a:avLst>
          </a:prstGeom>
          <a:solidFill>
            <a:schemeClr val="accent1">
              <a:lumMod val="40000"/>
              <a:lumOff val="60000"/>
            </a:schemeClr>
          </a:solidFill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lang="tr-TR" sz="3200" b="1" dirty="0">
                <a:solidFill>
                  <a:prstClr val="black"/>
                </a:solidFill>
              </a:rPr>
              <a:t>FATİHA suresi</a:t>
            </a: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3" name="D"/>
          <p:cNvSpPr/>
          <p:nvPr/>
        </p:nvSpPr>
        <p:spPr>
          <a:xfrm>
            <a:off x="323323" y="5773222"/>
            <a:ext cx="5701645" cy="532644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r>
              <a:rPr lang="tr-TR" sz="2800" dirty="0" err="1">
                <a:solidFill>
                  <a:schemeClr val="tx1"/>
                </a:solidFill>
              </a:rPr>
              <a:t>Errahmânir'rahim</a:t>
            </a:r>
            <a:endParaRPr kumimoji="0" lang="en-IN" sz="2800" b="1" i="0" u="none" strike="noStrike" kern="1200" cap="none" spc="0" normalizeH="0" baseline="0" noProof="0" dirty="0">
              <a:ln>
                <a:noFill/>
              </a:ln>
              <a:solidFill>
                <a:srgbClr val="CC3300"/>
              </a:solidFill>
              <a:effectLst/>
              <a:uLnTx/>
              <a:uFillTx/>
              <a:latin typeface="Agency FB" panose="020B0503020202020204" pitchFamily="34" charset="0"/>
            </a:endParaRPr>
          </a:p>
        </p:txBody>
      </p:sp>
      <p:sp>
        <p:nvSpPr>
          <p:cNvPr id="25" name="D"/>
          <p:cNvSpPr/>
          <p:nvPr/>
        </p:nvSpPr>
        <p:spPr>
          <a:xfrm>
            <a:off x="375576" y="3486780"/>
            <a:ext cx="5588902" cy="64429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r>
              <a:rPr lang="tr-TR" sz="2800" dirty="0" err="1">
                <a:solidFill>
                  <a:schemeClr val="tx1"/>
                </a:solidFill>
              </a:rPr>
              <a:t>Elhamdü</a:t>
            </a:r>
            <a:r>
              <a:rPr lang="tr-TR" sz="2800" dirty="0">
                <a:solidFill>
                  <a:schemeClr val="tx1"/>
                </a:solidFill>
              </a:rPr>
              <a:t> </a:t>
            </a:r>
            <a:r>
              <a:rPr lang="tr-TR" sz="2800" dirty="0" err="1">
                <a:solidFill>
                  <a:schemeClr val="tx1"/>
                </a:solidFill>
              </a:rPr>
              <a:t>lillâhi</a:t>
            </a:r>
            <a:r>
              <a:rPr lang="tr-TR" sz="2800" dirty="0">
                <a:solidFill>
                  <a:schemeClr val="tx1"/>
                </a:solidFill>
              </a:rPr>
              <a:t> </a:t>
            </a:r>
            <a:r>
              <a:rPr lang="tr-TR" sz="2800" dirty="0" err="1">
                <a:solidFill>
                  <a:schemeClr val="tx1"/>
                </a:solidFill>
              </a:rPr>
              <a:t>rabbil'alemin</a:t>
            </a:r>
            <a:endParaRPr kumimoji="0" lang="en-IN" sz="2800" b="1" i="0" u="none" strike="noStrike" kern="1200" cap="none" spc="0" normalizeH="0" baseline="0" noProof="0" dirty="0">
              <a:ln>
                <a:noFill/>
              </a:ln>
              <a:solidFill>
                <a:srgbClr val="008000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26" name="D"/>
          <p:cNvSpPr/>
          <p:nvPr/>
        </p:nvSpPr>
        <p:spPr>
          <a:xfrm>
            <a:off x="304799" y="5005245"/>
            <a:ext cx="5730455" cy="61982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r>
              <a:rPr lang="tr-TR" sz="2800" dirty="0" err="1">
                <a:solidFill>
                  <a:schemeClr val="tx1"/>
                </a:solidFill>
              </a:rPr>
              <a:t>İhdinessırâtel</a:t>
            </a:r>
            <a:r>
              <a:rPr lang="tr-TR" sz="2800" dirty="0">
                <a:solidFill>
                  <a:schemeClr val="tx1"/>
                </a:solidFill>
              </a:rPr>
              <a:t> </a:t>
            </a:r>
            <a:r>
              <a:rPr lang="tr-TR" sz="2800" dirty="0" err="1">
                <a:solidFill>
                  <a:schemeClr val="tx1"/>
                </a:solidFill>
              </a:rPr>
              <a:t>müstakîm</a:t>
            </a:r>
            <a:endParaRPr kumimoji="0" lang="tr-TR" sz="2800" b="1" i="0" u="none" strike="noStrike" kern="1200" cap="none" spc="0" normalizeH="0" baseline="0" noProof="0" dirty="0">
              <a:ln>
                <a:noFill/>
              </a:ln>
              <a:solidFill>
                <a:srgbClr val="ED7D31">
                  <a:lumMod val="75000"/>
                </a:srgbClr>
              </a:solidFill>
              <a:effectLst/>
              <a:uLnTx/>
              <a:uFillTx/>
              <a:latin typeface="Agency FB" panose="020B0503020202020204" pitchFamily="34" charset="0"/>
            </a:endParaRPr>
          </a:p>
        </p:txBody>
      </p:sp>
      <p:sp>
        <p:nvSpPr>
          <p:cNvPr id="30" name="Komut Düğmesi: Geri veya Önceki 29">
            <a:hlinkClick r:id="" action="ppaction://hlinkshowjump?jump=previousslide" highlightClick="1"/>
          </p:cNvPr>
          <p:cNvSpPr/>
          <p:nvPr/>
        </p:nvSpPr>
        <p:spPr>
          <a:xfrm>
            <a:off x="10647147" y="6346688"/>
            <a:ext cx="395785" cy="475908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1" name="Komut Düğmesi: İleri veya Sonraki 30">
            <a:hlinkClick r:id="" action="ppaction://hlinkshowjump?jump=nextslide" highlightClick="1"/>
          </p:cNvPr>
          <p:cNvSpPr/>
          <p:nvPr/>
        </p:nvSpPr>
        <p:spPr>
          <a:xfrm>
            <a:off x="11729117" y="6362012"/>
            <a:ext cx="412785" cy="445261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2" name="Komut Düğmesi: Giriş 31">
            <a:hlinkClick r:id="" action="ppaction://hlinkshowjump?jump=firstslide" highlightClick="1"/>
          </p:cNvPr>
          <p:cNvSpPr/>
          <p:nvPr/>
        </p:nvSpPr>
        <p:spPr>
          <a:xfrm>
            <a:off x="11117448" y="6377335"/>
            <a:ext cx="526199" cy="445261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4" name="D1"/>
          <p:cNvSpPr/>
          <p:nvPr/>
        </p:nvSpPr>
        <p:spPr>
          <a:xfrm>
            <a:off x="352499" y="2305810"/>
            <a:ext cx="5588902" cy="99047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r>
              <a:rPr lang="tr-TR" sz="2800" dirty="0" err="1">
                <a:solidFill>
                  <a:schemeClr val="tx1"/>
                </a:solidFill>
              </a:rPr>
              <a:t>Sırâtellezine</a:t>
            </a:r>
            <a:r>
              <a:rPr lang="tr-TR" sz="2800" dirty="0">
                <a:solidFill>
                  <a:schemeClr val="tx1"/>
                </a:solidFill>
              </a:rPr>
              <a:t> </a:t>
            </a:r>
            <a:r>
              <a:rPr lang="tr-TR" sz="2800" dirty="0" err="1">
                <a:solidFill>
                  <a:schemeClr val="tx1"/>
                </a:solidFill>
              </a:rPr>
              <a:t>en'amte</a:t>
            </a:r>
            <a:r>
              <a:rPr lang="tr-TR" sz="2800" dirty="0">
                <a:solidFill>
                  <a:schemeClr val="tx1"/>
                </a:solidFill>
              </a:rPr>
              <a:t> aleyhim </a:t>
            </a:r>
            <a:r>
              <a:rPr lang="tr-TR" sz="2800" dirty="0" err="1">
                <a:solidFill>
                  <a:schemeClr val="tx1"/>
                </a:solidFill>
              </a:rPr>
              <a:t>ğayril</a:t>
            </a:r>
            <a:r>
              <a:rPr lang="tr-TR" sz="2800" dirty="0">
                <a:solidFill>
                  <a:schemeClr val="tx1"/>
                </a:solidFill>
              </a:rPr>
              <a:t> </a:t>
            </a:r>
            <a:r>
              <a:rPr lang="tr-TR" sz="2800" dirty="0" err="1">
                <a:solidFill>
                  <a:schemeClr val="tx1"/>
                </a:solidFill>
              </a:rPr>
              <a:t>mağdûbi</a:t>
            </a:r>
            <a:r>
              <a:rPr lang="tr-TR" sz="2800" dirty="0">
                <a:solidFill>
                  <a:schemeClr val="tx1"/>
                </a:solidFill>
              </a:rPr>
              <a:t> aleyhim </a:t>
            </a:r>
            <a:r>
              <a:rPr lang="tr-TR" sz="2800" dirty="0" err="1">
                <a:solidFill>
                  <a:schemeClr val="tx1"/>
                </a:solidFill>
              </a:rPr>
              <a:t>veleddâllîn</a:t>
            </a:r>
            <a:endParaRPr kumimoji="0" lang="tr-TR" sz="2800" b="1" i="0" u="none" strike="noStrike" kern="1200" cap="none" spc="0" normalizeH="0" baseline="0" noProof="0" dirty="0">
              <a:ln>
                <a:noFill/>
              </a:ln>
              <a:solidFill>
                <a:srgbClr val="004AA8"/>
              </a:solidFill>
              <a:effectLst/>
              <a:uLnTx/>
              <a:uFillTx/>
              <a:latin typeface="Agency FB" panose="020B0503020202020204" pitchFamily="34" charset="0"/>
            </a:endParaRPr>
          </a:p>
        </p:txBody>
      </p:sp>
      <p:sp>
        <p:nvSpPr>
          <p:cNvPr id="2" name="Dikdörtgen 1"/>
          <p:cNvSpPr/>
          <p:nvPr/>
        </p:nvSpPr>
        <p:spPr>
          <a:xfrm>
            <a:off x="6146450" y="801391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</a:t>
            </a:r>
          </a:p>
        </p:txBody>
      </p:sp>
      <p:sp>
        <p:nvSpPr>
          <p:cNvPr id="29" name="Dikdörtgen 28"/>
          <p:cNvSpPr/>
          <p:nvPr/>
        </p:nvSpPr>
        <p:spPr>
          <a:xfrm>
            <a:off x="6137711" y="1499830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</a:t>
            </a:r>
          </a:p>
        </p:txBody>
      </p:sp>
      <p:sp>
        <p:nvSpPr>
          <p:cNvPr id="35" name="Dikdörtgen 34"/>
          <p:cNvSpPr/>
          <p:nvPr/>
        </p:nvSpPr>
        <p:spPr>
          <a:xfrm>
            <a:off x="6146449" y="2150539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</a:t>
            </a:r>
          </a:p>
        </p:txBody>
      </p:sp>
      <p:sp>
        <p:nvSpPr>
          <p:cNvPr id="36" name="Dikdörtgen 35"/>
          <p:cNvSpPr/>
          <p:nvPr/>
        </p:nvSpPr>
        <p:spPr>
          <a:xfrm>
            <a:off x="6153877" y="2843242"/>
            <a:ext cx="459711" cy="453038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4</a:t>
            </a:r>
          </a:p>
        </p:txBody>
      </p:sp>
      <p:sp>
        <p:nvSpPr>
          <p:cNvPr id="37" name="Dikdörtgen 36"/>
          <p:cNvSpPr/>
          <p:nvPr/>
        </p:nvSpPr>
        <p:spPr>
          <a:xfrm>
            <a:off x="6137711" y="3640360"/>
            <a:ext cx="459711" cy="437373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5</a:t>
            </a:r>
          </a:p>
        </p:txBody>
      </p:sp>
      <p:sp>
        <p:nvSpPr>
          <p:cNvPr id="38" name="Dikdörtgen 37"/>
          <p:cNvSpPr/>
          <p:nvPr/>
        </p:nvSpPr>
        <p:spPr>
          <a:xfrm>
            <a:off x="6153877" y="4418216"/>
            <a:ext cx="459711" cy="484751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6</a:t>
            </a:r>
          </a:p>
        </p:txBody>
      </p:sp>
      <p:sp>
        <p:nvSpPr>
          <p:cNvPr id="39" name="Dikdörtgen 38"/>
          <p:cNvSpPr/>
          <p:nvPr/>
        </p:nvSpPr>
        <p:spPr>
          <a:xfrm>
            <a:off x="6173577" y="5462877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7</a:t>
            </a:r>
          </a:p>
        </p:txBody>
      </p:sp>
      <p:sp>
        <p:nvSpPr>
          <p:cNvPr id="20" name="Dikdörtgen 19"/>
          <p:cNvSpPr/>
          <p:nvPr/>
        </p:nvSpPr>
        <p:spPr>
          <a:xfrm>
            <a:off x="6597422" y="3588886"/>
            <a:ext cx="5016382" cy="524847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lvl="0" algn="just">
              <a:defRPr/>
            </a:pPr>
            <a:r>
              <a:rPr lang="tr-TR" sz="2400" dirty="0" err="1">
                <a:solidFill>
                  <a:schemeClr val="tx1"/>
                </a:solidFill>
              </a:rPr>
              <a:t>İyyâke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na'budü</a:t>
            </a:r>
            <a:r>
              <a:rPr lang="tr-TR" sz="2400" dirty="0">
                <a:solidFill>
                  <a:schemeClr val="tx1"/>
                </a:solidFill>
              </a:rPr>
              <a:t> ve </a:t>
            </a:r>
            <a:r>
              <a:rPr lang="tr-TR" sz="2400" dirty="0" err="1">
                <a:solidFill>
                  <a:schemeClr val="tx1"/>
                </a:solidFill>
              </a:rPr>
              <a:t>iyyâke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neste'în</a:t>
            </a:r>
            <a:endParaRPr kumimoji="0" lang="en-IN" sz="2400" b="1" i="0" u="none" strike="noStrike" kern="1200" cap="none" spc="0" normalizeH="0" baseline="0" noProof="0" dirty="0">
              <a:ln>
                <a:noFill/>
              </a:ln>
              <a:solidFill>
                <a:srgbClr val="660066"/>
              </a:solidFill>
              <a:effectLst/>
              <a:uLnTx/>
              <a:uFillTx/>
            </a:endParaRPr>
          </a:p>
        </p:txBody>
      </p:sp>
      <p:sp>
        <p:nvSpPr>
          <p:cNvPr id="21" name="Dikdörtgen 20"/>
          <p:cNvSpPr/>
          <p:nvPr/>
        </p:nvSpPr>
        <p:spPr>
          <a:xfrm>
            <a:off x="6606757" y="2784869"/>
            <a:ext cx="5036890" cy="543646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lvl="0" algn="just">
              <a:defRPr/>
            </a:pPr>
            <a:r>
              <a:rPr lang="tr-TR" sz="2400" dirty="0" err="1">
                <a:solidFill>
                  <a:schemeClr val="tx1"/>
                </a:solidFill>
              </a:rPr>
              <a:t>Mâliki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yevmiddin</a:t>
            </a:r>
            <a:endParaRPr kumimoji="0" lang="en-IN" sz="2400" b="1" i="0" u="none" strike="noStrike" kern="1200" cap="none" spc="0" normalizeH="0" baseline="0" noProof="0" dirty="0">
              <a:ln>
                <a:noFill/>
              </a:ln>
              <a:solidFill>
                <a:srgbClr val="CC0000"/>
              </a:solidFill>
              <a:effectLst/>
              <a:uLnTx/>
              <a:uFillTx/>
            </a:endParaRPr>
          </a:p>
        </p:txBody>
      </p:sp>
      <p:sp>
        <p:nvSpPr>
          <p:cNvPr id="22" name="Dikdörtgen 21"/>
          <p:cNvSpPr/>
          <p:nvPr/>
        </p:nvSpPr>
        <p:spPr>
          <a:xfrm>
            <a:off x="6606161" y="773811"/>
            <a:ext cx="5023809" cy="517978"/>
          </a:xfrm>
          <a:prstGeom prst="rect">
            <a:avLst/>
          </a:prstGeom>
          <a:solidFill>
            <a:srgbClr val="FFCC99"/>
          </a:solidFill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defRPr/>
            </a:pPr>
            <a:r>
              <a:rPr lang="tr-TR" sz="3200" dirty="0" err="1">
                <a:solidFill>
                  <a:schemeClr val="tx1"/>
                </a:solidFill>
              </a:rPr>
              <a:t>Bismillahirrahmânirrahîm</a:t>
            </a:r>
            <a:r>
              <a:rPr lang="tr-TR" sz="3200" dirty="0">
                <a:solidFill>
                  <a:schemeClr val="tx1"/>
                </a:solidFill>
              </a:rPr>
              <a:t>.</a:t>
            </a:r>
            <a:endParaRPr kumimoji="0" lang="en-IN" sz="3200" b="1" i="0" u="none" strike="noStrike" kern="1200" cap="none" spc="0" normalizeH="0" baseline="0" noProof="0" dirty="0">
              <a:ln>
                <a:noFill/>
              </a:ln>
              <a:solidFill>
                <a:srgbClr val="0033CC"/>
              </a:solidFill>
              <a:effectLst/>
              <a:uLnTx/>
              <a:uFillTx/>
              <a:latin typeface="Agency FB" panose="020B0503020202020204" pitchFamily="34" charset="0"/>
            </a:endParaRPr>
          </a:p>
        </p:txBody>
      </p:sp>
      <p:sp>
        <p:nvSpPr>
          <p:cNvPr id="24" name="D"/>
          <p:cNvSpPr/>
          <p:nvPr/>
        </p:nvSpPr>
        <p:spPr>
          <a:xfrm>
            <a:off x="6606160" y="2119616"/>
            <a:ext cx="5023810" cy="493213"/>
          </a:xfrm>
          <a:prstGeom prst="rect">
            <a:avLst/>
          </a:prstGeom>
          <a:solidFill>
            <a:srgbClr val="FFCC99"/>
          </a:solidFill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just">
              <a:defRPr/>
            </a:pPr>
            <a:r>
              <a:rPr lang="tr-TR" sz="2400" dirty="0" err="1">
                <a:solidFill>
                  <a:schemeClr val="tx1"/>
                </a:solidFill>
              </a:rPr>
              <a:t>Errahmânir'rahim</a:t>
            </a:r>
            <a:endParaRPr kumimoji="0" lang="en-IN" sz="2400" b="1" i="0" u="none" strike="noStrike" kern="1200" cap="none" spc="0" normalizeH="0" baseline="0" noProof="0" dirty="0">
              <a:ln>
                <a:noFill/>
              </a:ln>
              <a:solidFill>
                <a:srgbClr val="CC3300"/>
              </a:solidFill>
              <a:effectLst/>
              <a:uLnTx/>
              <a:uFillTx/>
            </a:endParaRPr>
          </a:p>
        </p:txBody>
      </p:sp>
      <p:sp>
        <p:nvSpPr>
          <p:cNvPr id="27" name="D"/>
          <p:cNvSpPr/>
          <p:nvPr/>
        </p:nvSpPr>
        <p:spPr>
          <a:xfrm>
            <a:off x="6613588" y="4361031"/>
            <a:ext cx="5016382" cy="581701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just">
              <a:defRPr/>
            </a:pPr>
            <a:r>
              <a:rPr lang="tr-TR" sz="2400" dirty="0" err="1">
                <a:solidFill>
                  <a:schemeClr val="tx1"/>
                </a:solidFill>
              </a:rPr>
              <a:t>İhdinessırâtel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müstakîm</a:t>
            </a:r>
            <a:endParaRPr kumimoji="0" lang="tr-TR" sz="2400" b="1" i="0" u="none" strike="noStrike" kern="1200" cap="none" spc="0" normalizeH="0" baseline="0" noProof="0" dirty="0">
              <a:ln>
                <a:noFill/>
              </a:ln>
              <a:solidFill>
                <a:srgbClr val="ED7D31">
                  <a:lumMod val="75000"/>
                </a:srgbClr>
              </a:solidFill>
              <a:effectLst/>
              <a:uLnTx/>
              <a:uFillTx/>
            </a:endParaRPr>
          </a:p>
        </p:txBody>
      </p:sp>
      <p:sp>
        <p:nvSpPr>
          <p:cNvPr id="28" name="D"/>
          <p:cNvSpPr/>
          <p:nvPr/>
        </p:nvSpPr>
        <p:spPr>
          <a:xfrm>
            <a:off x="6606160" y="1463829"/>
            <a:ext cx="5037487" cy="540407"/>
          </a:xfrm>
          <a:prstGeom prst="rect">
            <a:avLst/>
          </a:prstGeom>
          <a:solidFill>
            <a:srgbClr val="FFCC99"/>
          </a:solidFill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just">
              <a:defRPr/>
            </a:pPr>
            <a:r>
              <a:rPr lang="tr-TR" sz="2400" dirty="0" err="1">
                <a:solidFill>
                  <a:schemeClr val="tx1"/>
                </a:solidFill>
              </a:rPr>
              <a:t>Elhamdü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lillâhi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rabbil'alemin</a:t>
            </a:r>
            <a:endParaRPr kumimoji="0" lang="en-IN" sz="2400" b="1" i="0" u="none" strike="noStrike" kern="1200" cap="none" spc="0" normalizeH="0" baseline="0" noProof="0" dirty="0">
              <a:ln>
                <a:noFill/>
              </a:ln>
              <a:solidFill>
                <a:srgbClr val="008000"/>
              </a:solidFill>
              <a:effectLst/>
              <a:uLnTx/>
              <a:uFillTx/>
            </a:endParaRPr>
          </a:p>
        </p:txBody>
      </p:sp>
      <p:sp>
        <p:nvSpPr>
          <p:cNvPr id="33" name="D"/>
          <p:cNvSpPr/>
          <p:nvPr/>
        </p:nvSpPr>
        <p:spPr>
          <a:xfrm>
            <a:off x="6633288" y="5146248"/>
            <a:ext cx="5016382" cy="832521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just">
              <a:defRPr/>
            </a:pPr>
            <a:r>
              <a:rPr lang="tr-TR" sz="2400" dirty="0" err="1">
                <a:solidFill>
                  <a:schemeClr val="tx1"/>
                </a:solidFill>
              </a:rPr>
              <a:t>Sırâtellezine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en'amte</a:t>
            </a:r>
            <a:r>
              <a:rPr lang="tr-TR" sz="2400" dirty="0">
                <a:solidFill>
                  <a:schemeClr val="tx1"/>
                </a:solidFill>
              </a:rPr>
              <a:t> aleyhim </a:t>
            </a:r>
            <a:r>
              <a:rPr lang="tr-TR" sz="2400" dirty="0" err="1">
                <a:solidFill>
                  <a:schemeClr val="tx1"/>
                </a:solidFill>
              </a:rPr>
              <a:t>ğayril</a:t>
            </a:r>
            <a:r>
              <a:rPr lang="tr-TR" sz="2400" dirty="0">
                <a:solidFill>
                  <a:schemeClr val="tx1"/>
                </a:solidFill>
              </a:rPr>
              <a:t> </a:t>
            </a:r>
            <a:r>
              <a:rPr lang="tr-TR" sz="2400" dirty="0" err="1">
                <a:solidFill>
                  <a:schemeClr val="tx1"/>
                </a:solidFill>
              </a:rPr>
              <a:t>mağdûbi</a:t>
            </a:r>
            <a:r>
              <a:rPr lang="tr-TR" sz="2400" dirty="0">
                <a:solidFill>
                  <a:schemeClr val="tx1"/>
                </a:solidFill>
              </a:rPr>
              <a:t> aleyhim </a:t>
            </a:r>
            <a:r>
              <a:rPr lang="tr-TR" sz="2400" dirty="0" err="1">
                <a:solidFill>
                  <a:schemeClr val="tx1"/>
                </a:solidFill>
              </a:rPr>
              <a:t>veleddâllîn</a:t>
            </a:r>
            <a:endParaRPr kumimoji="0" lang="tr-TR" sz="2400" b="1" i="0" u="none" strike="noStrike" kern="1200" cap="none" spc="0" normalizeH="0" baseline="0" noProof="0" dirty="0">
              <a:ln>
                <a:noFill/>
              </a:ln>
              <a:solidFill>
                <a:srgbClr val="004AA8"/>
              </a:solidFill>
              <a:effectLst/>
              <a:uLnTx/>
              <a:uFillTx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813319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nimClr clrSpc="rgb" dir="cw"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c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</p:subTnLst>
                                </p:cTn>
                              </p:par>
                              <p:par>
                                <p:cTn id="1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2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5"/>
                  </p:tgtEl>
                </p:cond>
              </p:nextCondLst>
            </p:seq>
            <p:seq concurrent="1" nextAc="seek">
              <p:cTn id="35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6" fill="hold">
                      <p:stCondLst>
                        <p:cond delay="0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43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4" fill="hold">
                      <p:stCondLst>
                        <p:cond delay="0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3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4"/>
                  </p:tgtEl>
                </p:cond>
              </p:nextCondLst>
            </p:seq>
          </p:childTnLst>
        </p:cTn>
      </p:par>
    </p:tnLst>
    <p:bldLst>
      <p:bldP spid="16" grpId="0" animBg="1"/>
      <p:bldP spid="17" grpId="0" animBg="1"/>
      <p:bldP spid="18" grpId="0" animBg="1"/>
      <p:bldP spid="23" grpId="0" animBg="1"/>
      <p:bldP spid="25" grpId="0" animBg="1"/>
      <p:bldP spid="26" grpId="0" animBg="1"/>
      <p:bldP spid="34" grpId="0" animBg="1"/>
      <p:bldP spid="20" grpId="0" animBg="1"/>
      <p:bldP spid="21" grpId="0" animBg="1"/>
      <p:bldP spid="22" grpId="0" animBg="1"/>
      <p:bldP spid="24" grpId="0" animBg="1"/>
      <p:bldP spid="27" grpId="0" animBg="1"/>
      <p:bldP spid="28" grpId="0" animBg="1"/>
      <p:bldP spid="33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oogle Shape;2282;p54"/>
          <p:cNvGrpSpPr/>
          <p:nvPr/>
        </p:nvGrpSpPr>
        <p:grpSpPr>
          <a:xfrm>
            <a:off x="5197396" y="1289616"/>
            <a:ext cx="6404053" cy="4634934"/>
            <a:chOff x="3578510" y="1419647"/>
            <a:chExt cx="4021500" cy="3062887"/>
          </a:xfrm>
        </p:grpSpPr>
        <p:sp>
          <p:nvSpPr>
            <p:cNvPr id="3" name="Google Shape;2283;p54"/>
            <p:cNvSpPr/>
            <p:nvPr/>
          </p:nvSpPr>
          <p:spPr>
            <a:xfrm>
              <a:off x="3716658" y="1548119"/>
              <a:ext cx="3748500" cy="228570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" name="Google Shape;2284;p54"/>
            <p:cNvSpPr/>
            <p:nvPr/>
          </p:nvSpPr>
          <p:spPr>
            <a:xfrm>
              <a:off x="3578510" y="1419647"/>
              <a:ext cx="4021500" cy="2544300"/>
            </a:xfrm>
            <a:prstGeom prst="roundRect">
              <a:avLst>
                <a:gd name="adj" fmla="val 3857"/>
              </a:avLst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5" name="Google Shape;2285;p54"/>
            <p:cNvSpPr/>
            <p:nvPr/>
          </p:nvSpPr>
          <p:spPr>
            <a:xfrm>
              <a:off x="4900908" y="3963886"/>
              <a:ext cx="1373274" cy="518648"/>
            </a:xfrm>
            <a:custGeom>
              <a:avLst/>
              <a:gdLst/>
              <a:ahLst/>
              <a:cxnLst/>
              <a:rect l="l" t="t" r="r" b="b"/>
              <a:pathLst>
                <a:path w="65999" h="24926" extrusionOk="0">
                  <a:moveTo>
                    <a:pt x="13372" y="0"/>
                  </a:moveTo>
                  <a:cubicBezTo>
                    <a:pt x="13051" y="1881"/>
                    <a:pt x="12653" y="8225"/>
                    <a:pt x="11445" y="11283"/>
                  </a:cubicBezTo>
                  <a:cubicBezTo>
                    <a:pt x="10237" y="14341"/>
                    <a:pt x="7883" y="16511"/>
                    <a:pt x="6125" y="18346"/>
                  </a:cubicBezTo>
                  <a:cubicBezTo>
                    <a:pt x="4367" y="20181"/>
                    <a:pt x="1875" y="21297"/>
                    <a:pt x="896" y="22291"/>
                  </a:cubicBezTo>
                  <a:cubicBezTo>
                    <a:pt x="-82" y="23285"/>
                    <a:pt x="-174" y="23896"/>
                    <a:pt x="254" y="24309"/>
                  </a:cubicBezTo>
                  <a:cubicBezTo>
                    <a:pt x="682" y="24722"/>
                    <a:pt x="805" y="24692"/>
                    <a:pt x="3465" y="24768"/>
                  </a:cubicBezTo>
                  <a:cubicBezTo>
                    <a:pt x="6125" y="24845"/>
                    <a:pt x="10925" y="24768"/>
                    <a:pt x="16215" y="24768"/>
                  </a:cubicBezTo>
                  <a:cubicBezTo>
                    <a:pt x="21505" y="24768"/>
                    <a:pt x="28630" y="24768"/>
                    <a:pt x="35204" y="24768"/>
                  </a:cubicBezTo>
                  <a:cubicBezTo>
                    <a:pt x="41778" y="24768"/>
                    <a:pt x="50783" y="24768"/>
                    <a:pt x="55660" y="24768"/>
                  </a:cubicBezTo>
                  <a:cubicBezTo>
                    <a:pt x="60537" y="24768"/>
                    <a:pt x="62754" y="25104"/>
                    <a:pt x="64466" y="24768"/>
                  </a:cubicBezTo>
                  <a:cubicBezTo>
                    <a:pt x="66178" y="24432"/>
                    <a:pt x="66056" y="23346"/>
                    <a:pt x="65934" y="22750"/>
                  </a:cubicBezTo>
                  <a:cubicBezTo>
                    <a:pt x="65812" y="22154"/>
                    <a:pt x="65353" y="22765"/>
                    <a:pt x="63732" y="21190"/>
                  </a:cubicBezTo>
                  <a:cubicBezTo>
                    <a:pt x="62111" y="19615"/>
                    <a:pt x="57999" y="16512"/>
                    <a:pt x="56210" y="13301"/>
                  </a:cubicBezTo>
                  <a:cubicBezTo>
                    <a:pt x="54421" y="10091"/>
                    <a:pt x="53505" y="4083"/>
                    <a:pt x="53000" y="1927"/>
                  </a:cubicBezTo>
                  <a:cubicBezTo>
                    <a:pt x="52496" y="-229"/>
                    <a:pt x="53153" y="627"/>
                    <a:pt x="53183" y="367"/>
                  </a:cubicBezTo>
                </a:path>
              </a:pathLst>
            </a:cu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  <p:txBody>
            <a:bodyPr/>
            <a:lstStyle/>
            <a:p>
              <a:endParaRPr lang="tr-TR"/>
            </a:p>
          </p:txBody>
        </p:sp>
        <p:cxnSp>
          <p:nvCxnSpPr>
            <p:cNvPr id="6" name="Google Shape;2286;p54"/>
            <p:cNvCxnSpPr/>
            <p:nvPr/>
          </p:nvCxnSpPr>
          <p:spPr>
            <a:xfrm>
              <a:off x="4915750" y="4433452"/>
              <a:ext cx="1353300" cy="0"/>
            </a:xfrm>
            <a:prstGeom prst="straightConnector1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grpSp>
        <p:nvGrpSpPr>
          <p:cNvPr id="8" name="Google Shape;2299;p54"/>
          <p:cNvGrpSpPr/>
          <p:nvPr/>
        </p:nvGrpSpPr>
        <p:grpSpPr>
          <a:xfrm>
            <a:off x="7086600" y="6095160"/>
            <a:ext cx="2358113" cy="362790"/>
            <a:chOff x="1816609" y="3851001"/>
            <a:chExt cx="1093674" cy="222193"/>
          </a:xfrm>
        </p:grpSpPr>
        <p:sp>
          <p:nvSpPr>
            <p:cNvPr id="9" name="Google Shape;2300;p54"/>
            <p:cNvSpPr/>
            <p:nvPr/>
          </p:nvSpPr>
          <p:spPr>
            <a:xfrm>
              <a:off x="1816609" y="3851001"/>
              <a:ext cx="1093674" cy="222193"/>
            </a:xfrm>
            <a:custGeom>
              <a:avLst/>
              <a:gdLst/>
              <a:ahLst/>
              <a:cxnLst/>
              <a:rect l="l" t="t" r="r" b="b"/>
              <a:pathLst>
                <a:path w="38900" h="7903" extrusionOk="0">
                  <a:moveTo>
                    <a:pt x="32154" y="852"/>
                  </a:moveTo>
                  <a:cubicBezTo>
                    <a:pt x="32029" y="852"/>
                    <a:pt x="31911" y="870"/>
                    <a:pt x="31815" y="910"/>
                  </a:cubicBezTo>
                  <a:cubicBezTo>
                    <a:pt x="30934" y="1259"/>
                    <a:pt x="30057" y="1619"/>
                    <a:pt x="29183" y="1986"/>
                  </a:cubicBezTo>
                  <a:cubicBezTo>
                    <a:pt x="30289" y="1683"/>
                    <a:pt x="31405" y="1423"/>
                    <a:pt x="32535" y="1209"/>
                  </a:cubicBezTo>
                  <a:cubicBezTo>
                    <a:pt x="32581" y="1198"/>
                    <a:pt x="32635" y="1195"/>
                    <a:pt x="32688" y="1195"/>
                  </a:cubicBezTo>
                  <a:cubicBezTo>
                    <a:pt x="32853" y="1195"/>
                    <a:pt x="33041" y="1234"/>
                    <a:pt x="33223" y="1298"/>
                  </a:cubicBezTo>
                  <a:cubicBezTo>
                    <a:pt x="32998" y="1017"/>
                    <a:pt x="32532" y="852"/>
                    <a:pt x="32154" y="852"/>
                  </a:cubicBezTo>
                  <a:close/>
                  <a:moveTo>
                    <a:pt x="36026" y="1808"/>
                  </a:moveTo>
                  <a:cubicBezTo>
                    <a:pt x="35323" y="1808"/>
                    <a:pt x="34635" y="1886"/>
                    <a:pt x="33969" y="2036"/>
                  </a:cubicBezTo>
                  <a:cubicBezTo>
                    <a:pt x="33969" y="2172"/>
                    <a:pt x="33908" y="2318"/>
                    <a:pt x="33758" y="2464"/>
                  </a:cubicBezTo>
                  <a:cubicBezTo>
                    <a:pt x="33648" y="2575"/>
                    <a:pt x="33541" y="2689"/>
                    <a:pt x="33441" y="2803"/>
                  </a:cubicBezTo>
                  <a:cubicBezTo>
                    <a:pt x="33530" y="2781"/>
                    <a:pt x="33619" y="2775"/>
                    <a:pt x="33712" y="2775"/>
                  </a:cubicBezTo>
                  <a:cubicBezTo>
                    <a:pt x="34364" y="2775"/>
                    <a:pt x="35031" y="3256"/>
                    <a:pt x="35052" y="3695"/>
                  </a:cubicBezTo>
                  <a:cubicBezTo>
                    <a:pt x="35341" y="3655"/>
                    <a:pt x="35634" y="3637"/>
                    <a:pt x="35926" y="3637"/>
                  </a:cubicBezTo>
                  <a:cubicBezTo>
                    <a:pt x="36290" y="3637"/>
                    <a:pt x="36657" y="3666"/>
                    <a:pt x="37028" y="3723"/>
                  </a:cubicBezTo>
                  <a:cubicBezTo>
                    <a:pt x="37099" y="3734"/>
                    <a:pt x="37170" y="3737"/>
                    <a:pt x="37234" y="3737"/>
                  </a:cubicBezTo>
                  <a:cubicBezTo>
                    <a:pt x="38415" y="3737"/>
                    <a:pt x="38900" y="2136"/>
                    <a:pt x="37502" y="1922"/>
                  </a:cubicBezTo>
                  <a:cubicBezTo>
                    <a:pt x="37007" y="1843"/>
                    <a:pt x="36511" y="1808"/>
                    <a:pt x="36026" y="1808"/>
                  </a:cubicBezTo>
                  <a:close/>
                  <a:moveTo>
                    <a:pt x="6480" y="3645"/>
                  </a:moveTo>
                  <a:lnTo>
                    <a:pt x="6480" y="3645"/>
                  </a:lnTo>
                  <a:cubicBezTo>
                    <a:pt x="6466" y="3652"/>
                    <a:pt x="6455" y="3655"/>
                    <a:pt x="6441" y="3659"/>
                  </a:cubicBezTo>
                  <a:cubicBezTo>
                    <a:pt x="6412" y="3723"/>
                    <a:pt x="6383" y="3787"/>
                    <a:pt x="6359" y="3851"/>
                  </a:cubicBezTo>
                  <a:cubicBezTo>
                    <a:pt x="6398" y="3784"/>
                    <a:pt x="6437" y="3713"/>
                    <a:pt x="6480" y="3645"/>
                  </a:cubicBezTo>
                  <a:close/>
                  <a:moveTo>
                    <a:pt x="21010" y="0"/>
                  </a:moveTo>
                  <a:cubicBezTo>
                    <a:pt x="20879" y="0"/>
                    <a:pt x="20747" y="18"/>
                    <a:pt x="20622" y="64"/>
                  </a:cubicBezTo>
                  <a:cubicBezTo>
                    <a:pt x="18436" y="831"/>
                    <a:pt x="16353" y="1801"/>
                    <a:pt x="14389" y="2977"/>
                  </a:cubicBezTo>
                  <a:cubicBezTo>
                    <a:pt x="14735" y="2475"/>
                    <a:pt x="15102" y="1990"/>
                    <a:pt x="15491" y="1512"/>
                  </a:cubicBezTo>
                  <a:cubicBezTo>
                    <a:pt x="16118" y="746"/>
                    <a:pt x="15117" y="289"/>
                    <a:pt x="14353" y="289"/>
                  </a:cubicBezTo>
                  <a:cubicBezTo>
                    <a:pt x="14154" y="289"/>
                    <a:pt x="13972" y="318"/>
                    <a:pt x="13836" y="385"/>
                  </a:cubicBezTo>
                  <a:cubicBezTo>
                    <a:pt x="12110" y="1244"/>
                    <a:pt x="10484" y="2261"/>
                    <a:pt x="8969" y="3431"/>
                  </a:cubicBezTo>
                  <a:cubicBezTo>
                    <a:pt x="9272" y="2842"/>
                    <a:pt x="9614" y="2268"/>
                    <a:pt x="9996" y="1708"/>
                  </a:cubicBezTo>
                  <a:cubicBezTo>
                    <a:pt x="10542" y="906"/>
                    <a:pt x="9646" y="471"/>
                    <a:pt x="8905" y="471"/>
                  </a:cubicBezTo>
                  <a:cubicBezTo>
                    <a:pt x="8694" y="471"/>
                    <a:pt x="8491" y="507"/>
                    <a:pt x="8341" y="581"/>
                  </a:cubicBezTo>
                  <a:cubicBezTo>
                    <a:pt x="5938" y="1741"/>
                    <a:pt x="3534" y="2903"/>
                    <a:pt x="1131" y="4062"/>
                  </a:cubicBezTo>
                  <a:cubicBezTo>
                    <a:pt x="1" y="4608"/>
                    <a:pt x="893" y="5670"/>
                    <a:pt x="1862" y="5670"/>
                  </a:cubicBezTo>
                  <a:cubicBezTo>
                    <a:pt x="2045" y="5670"/>
                    <a:pt x="2226" y="5635"/>
                    <a:pt x="2401" y="5549"/>
                  </a:cubicBezTo>
                  <a:cubicBezTo>
                    <a:pt x="3546" y="4996"/>
                    <a:pt x="4690" y="4443"/>
                    <a:pt x="5835" y="3891"/>
                  </a:cubicBezTo>
                  <a:lnTo>
                    <a:pt x="5835" y="3891"/>
                  </a:lnTo>
                  <a:cubicBezTo>
                    <a:pt x="5392" y="4055"/>
                    <a:pt x="4947" y="4211"/>
                    <a:pt x="4501" y="4361"/>
                  </a:cubicBezTo>
                  <a:cubicBezTo>
                    <a:pt x="4248" y="4447"/>
                    <a:pt x="3944" y="4508"/>
                    <a:pt x="3649" y="4508"/>
                  </a:cubicBezTo>
                  <a:cubicBezTo>
                    <a:pt x="3378" y="4508"/>
                    <a:pt x="3110" y="4458"/>
                    <a:pt x="2886" y="4336"/>
                  </a:cubicBezTo>
                  <a:cubicBezTo>
                    <a:pt x="2532" y="4144"/>
                    <a:pt x="2443" y="3773"/>
                    <a:pt x="2896" y="3619"/>
                  </a:cubicBezTo>
                  <a:cubicBezTo>
                    <a:pt x="4173" y="3191"/>
                    <a:pt x="5428" y="2707"/>
                    <a:pt x="6666" y="2164"/>
                  </a:cubicBezTo>
                  <a:cubicBezTo>
                    <a:pt x="6887" y="2069"/>
                    <a:pt x="7175" y="2015"/>
                    <a:pt x="7464" y="2015"/>
                  </a:cubicBezTo>
                  <a:cubicBezTo>
                    <a:pt x="7593" y="2015"/>
                    <a:pt x="7721" y="2026"/>
                    <a:pt x="7846" y="2047"/>
                  </a:cubicBezTo>
                  <a:cubicBezTo>
                    <a:pt x="8074" y="1901"/>
                    <a:pt x="8330" y="1794"/>
                    <a:pt x="8562" y="1794"/>
                  </a:cubicBezTo>
                  <a:cubicBezTo>
                    <a:pt x="8598" y="1794"/>
                    <a:pt x="8634" y="1797"/>
                    <a:pt x="8669" y="1805"/>
                  </a:cubicBezTo>
                  <a:cubicBezTo>
                    <a:pt x="9054" y="1865"/>
                    <a:pt x="9375" y="2079"/>
                    <a:pt x="9041" y="2490"/>
                  </a:cubicBezTo>
                  <a:cubicBezTo>
                    <a:pt x="8491" y="3153"/>
                    <a:pt x="8074" y="3841"/>
                    <a:pt x="7774" y="4600"/>
                  </a:cubicBezTo>
                  <a:cubicBezTo>
                    <a:pt x="9536" y="3398"/>
                    <a:pt x="11351" y="2283"/>
                    <a:pt x="13223" y="1256"/>
                  </a:cubicBezTo>
                  <a:cubicBezTo>
                    <a:pt x="13379" y="1170"/>
                    <a:pt x="13729" y="1091"/>
                    <a:pt x="14032" y="1091"/>
                  </a:cubicBezTo>
                  <a:cubicBezTo>
                    <a:pt x="14449" y="1091"/>
                    <a:pt x="14778" y="1238"/>
                    <a:pt x="14378" y="1701"/>
                  </a:cubicBezTo>
                  <a:cubicBezTo>
                    <a:pt x="13740" y="2447"/>
                    <a:pt x="13305" y="3220"/>
                    <a:pt x="13055" y="4116"/>
                  </a:cubicBezTo>
                  <a:cubicBezTo>
                    <a:pt x="14791" y="3156"/>
                    <a:pt x="16575" y="2111"/>
                    <a:pt x="18386" y="1494"/>
                  </a:cubicBezTo>
                  <a:cubicBezTo>
                    <a:pt x="18660" y="1402"/>
                    <a:pt x="18896" y="1359"/>
                    <a:pt x="19099" y="1359"/>
                  </a:cubicBezTo>
                  <a:cubicBezTo>
                    <a:pt x="20144" y="1359"/>
                    <a:pt x="20262" y="2514"/>
                    <a:pt x="20204" y="3630"/>
                  </a:cubicBezTo>
                  <a:cubicBezTo>
                    <a:pt x="21502" y="2892"/>
                    <a:pt x="22840" y="2229"/>
                    <a:pt x="24213" y="1634"/>
                  </a:cubicBezTo>
                  <a:cubicBezTo>
                    <a:pt x="24216" y="1630"/>
                    <a:pt x="24216" y="1623"/>
                    <a:pt x="24216" y="1619"/>
                  </a:cubicBezTo>
                  <a:cubicBezTo>
                    <a:pt x="24244" y="1109"/>
                    <a:pt x="24766" y="867"/>
                    <a:pt x="25304" y="867"/>
                  </a:cubicBezTo>
                  <a:cubicBezTo>
                    <a:pt x="25906" y="867"/>
                    <a:pt x="26530" y="1173"/>
                    <a:pt x="26499" y="1744"/>
                  </a:cubicBezTo>
                  <a:cubicBezTo>
                    <a:pt x="26477" y="2126"/>
                    <a:pt x="26438" y="2496"/>
                    <a:pt x="26384" y="2867"/>
                  </a:cubicBezTo>
                  <a:cubicBezTo>
                    <a:pt x="26591" y="2793"/>
                    <a:pt x="26798" y="2721"/>
                    <a:pt x="27004" y="2653"/>
                  </a:cubicBezTo>
                  <a:cubicBezTo>
                    <a:pt x="27236" y="2250"/>
                    <a:pt x="27483" y="1855"/>
                    <a:pt x="27743" y="1466"/>
                  </a:cubicBezTo>
                  <a:cubicBezTo>
                    <a:pt x="28220" y="746"/>
                    <a:pt x="27386" y="168"/>
                    <a:pt x="26695" y="168"/>
                  </a:cubicBezTo>
                  <a:cubicBezTo>
                    <a:pt x="26573" y="168"/>
                    <a:pt x="26459" y="186"/>
                    <a:pt x="26352" y="225"/>
                  </a:cubicBezTo>
                  <a:cubicBezTo>
                    <a:pt x="24637" y="842"/>
                    <a:pt x="23000" y="1591"/>
                    <a:pt x="21431" y="2468"/>
                  </a:cubicBezTo>
                  <a:cubicBezTo>
                    <a:pt x="21624" y="2079"/>
                    <a:pt x="21817" y="1690"/>
                    <a:pt x="22009" y="1305"/>
                  </a:cubicBezTo>
                  <a:cubicBezTo>
                    <a:pt x="22373" y="574"/>
                    <a:pt x="21702" y="0"/>
                    <a:pt x="21010" y="0"/>
                  </a:cubicBezTo>
                  <a:close/>
                  <a:moveTo>
                    <a:pt x="30485" y="3384"/>
                  </a:moveTo>
                  <a:cubicBezTo>
                    <a:pt x="28780" y="3837"/>
                    <a:pt x="27111" y="4407"/>
                    <a:pt x="25467" y="5085"/>
                  </a:cubicBezTo>
                  <a:cubicBezTo>
                    <a:pt x="25325" y="5146"/>
                    <a:pt x="25161" y="5174"/>
                    <a:pt x="24993" y="5174"/>
                  </a:cubicBezTo>
                  <a:cubicBezTo>
                    <a:pt x="24394" y="5174"/>
                    <a:pt x="23749" y="4817"/>
                    <a:pt x="23820" y="4208"/>
                  </a:cubicBezTo>
                  <a:lnTo>
                    <a:pt x="23820" y="4208"/>
                  </a:lnTo>
                  <a:cubicBezTo>
                    <a:pt x="23721" y="4437"/>
                    <a:pt x="23627" y="4668"/>
                    <a:pt x="23538" y="4903"/>
                  </a:cubicBezTo>
                  <a:cubicBezTo>
                    <a:pt x="23257" y="5627"/>
                    <a:pt x="24013" y="5920"/>
                    <a:pt x="24665" y="5920"/>
                  </a:cubicBezTo>
                  <a:cubicBezTo>
                    <a:pt x="24908" y="5920"/>
                    <a:pt x="25136" y="5880"/>
                    <a:pt x="25289" y="5806"/>
                  </a:cubicBezTo>
                  <a:cubicBezTo>
                    <a:pt x="26919" y="5021"/>
                    <a:pt x="28566" y="4276"/>
                    <a:pt x="30231" y="3570"/>
                  </a:cubicBezTo>
                  <a:lnTo>
                    <a:pt x="30231" y="3570"/>
                  </a:lnTo>
                  <a:cubicBezTo>
                    <a:pt x="30131" y="3805"/>
                    <a:pt x="30032" y="4040"/>
                    <a:pt x="29932" y="4276"/>
                  </a:cubicBezTo>
                  <a:cubicBezTo>
                    <a:pt x="29632" y="4985"/>
                    <a:pt x="30292" y="5260"/>
                    <a:pt x="30952" y="5260"/>
                  </a:cubicBezTo>
                  <a:cubicBezTo>
                    <a:pt x="31323" y="5260"/>
                    <a:pt x="31697" y="5171"/>
                    <a:pt x="31893" y="5024"/>
                  </a:cubicBezTo>
                  <a:lnTo>
                    <a:pt x="31893" y="5024"/>
                  </a:lnTo>
                  <a:cubicBezTo>
                    <a:pt x="31869" y="5036"/>
                    <a:pt x="31843" y="5042"/>
                    <a:pt x="31818" y="5049"/>
                  </a:cubicBezTo>
                  <a:cubicBezTo>
                    <a:pt x="31701" y="5082"/>
                    <a:pt x="31558" y="5100"/>
                    <a:pt x="31401" y="5100"/>
                  </a:cubicBezTo>
                  <a:cubicBezTo>
                    <a:pt x="30745" y="5100"/>
                    <a:pt x="29904" y="4786"/>
                    <a:pt x="30192" y="4044"/>
                  </a:cubicBezTo>
                  <a:cubicBezTo>
                    <a:pt x="30281" y="3816"/>
                    <a:pt x="30378" y="3594"/>
                    <a:pt x="30485" y="3384"/>
                  </a:cubicBezTo>
                  <a:close/>
                  <a:moveTo>
                    <a:pt x="24084" y="2903"/>
                  </a:moveTo>
                  <a:lnTo>
                    <a:pt x="24084" y="2903"/>
                  </a:lnTo>
                  <a:cubicBezTo>
                    <a:pt x="22447" y="3627"/>
                    <a:pt x="20875" y="4468"/>
                    <a:pt x="19353" y="5421"/>
                  </a:cubicBezTo>
                  <a:cubicBezTo>
                    <a:pt x="19242" y="5492"/>
                    <a:pt x="18785" y="5663"/>
                    <a:pt x="18443" y="5663"/>
                  </a:cubicBezTo>
                  <a:cubicBezTo>
                    <a:pt x="18208" y="5663"/>
                    <a:pt x="18026" y="5581"/>
                    <a:pt x="18051" y="5331"/>
                  </a:cubicBezTo>
                  <a:cubicBezTo>
                    <a:pt x="18065" y="5167"/>
                    <a:pt x="18122" y="4697"/>
                    <a:pt x="18150" y="4205"/>
                  </a:cubicBezTo>
                  <a:lnTo>
                    <a:pt x="18150" y="4205"/>
                  </a:lnTo>
                  <a:cubicBezTo>
                    <a:pt x="18037" y="4432"/>
                    <a:pt x="17926" y="4661"/>
                    <a:pt x="17812" y="4889"/>
                  </a:cubicBezTo>
                  <a:cubicBezTo>
                    <a:pt x="17398" y="5720"/>
                    <a:pt x="18073" y="6119"/>
                    <a:pt x="18779" y="6119"/>
                  </a:cubicBezTo>
                  <a:cubicBezTo>
                    <a:pt x="19110" y="6119"/>
                    <a:pt x="19445" y="6033"/>
                    <a:pt x="19684" y="5859"/>
                  </a:cubicBezTo>
                  <a:cubicBezTo>
                    <a:pt x="21057" y="4853"/>
                    <a:pt x="22511" y="3976"/>
                    <a:pt x="24030" y="3231"/>
                  </a:cubicBezTo>
                  <a:cubicBezTo>
                    <a:pt x="24048" y="3120"/>
                    <a:pt x="24066" y="3010"/>
                    <a:pt x="24084" y="2903"/>
                  </a:cubicBezTo>
                  <a:close/>
                  <a:moveTo>
                    <a:pt x="17987" y="2828"/>
                  </a:moveTo>
                  <a:cubicBezTo>
                    <a:pt x="17915" y="2828"/>
                    <a:pt x="16671" y="3559"/>
                    <a:pt x="16503" y="3645"/>
                  </a:cubicBezTo>
                  <a:cubicBezTo>
                    <a:pt x="15031" y="4389"/>
                    <a:pt x="13562" y="5131"/>
                    <a:pt x="12089" y="5877"/>
                  </a:cubicBezTo>
                  <a:cubicBezTo>
                    <a:pt x="11993" y="5926"/>
                    <a:pt x="11504" y="6112"/>
                    <a:pt x="11151" y="6112"/>
                  </a:cubicBezTo>
                  <a:cubicBezTo>
                    <a:pt x="10923" y="6112"/>
                    <a:pt x="10756" y="6033"/>
                    <a:pt x="10791" y="5784"/>
                  </a:cubicBezTo>
                  <a:cubicBezTo>
                    <a:pt x="10902" y="4988"/>
                    <a:pt x="11116" y="4251"/>
                    <a:pt x="11433" y="3563"/>
                  </a:cubicBezTo>
                  <a:lnTo>
                    <a:pt x="11433" y="3563"/>
                  </a:lnTo>
                  <a:cubicBezTo>
                    <a:pt x="9867" y="4514"/>
                    <a:pt x="8348" y="5534"/>
                    <a:pt x="6869" y="6622"/>
                  </a:cubicBezTo>
                  <a:cubicBezTo>
                    <a:pt x="6762" y="6700"/>
                    <a:pt x="6052" y="7021"/>
                    <a:pt x="5624" y="7021"/>
                  </a:cubicBezTo>
                  <a:cubicBezTo>
                    <a:pt x="5521" y="7021"/>
                    <a:pt x="5435" y="7004"/>
                    <a:pt x="5378" y="6957"/>
                  </a:cubicBezTo>
                  <a:lnTo>
                    <a:pt x="5378" y="6957"/>
                  </a:lnTo>
                  <a:cubicBezTo>
                    <a:pt x="5321" y="7570"/>
                    <a:pt x="5917" y="7902"/>
                    <a:pt x="6505" y="7902"/>
                  </a:cubicBezTo>
                  <a:cubicBezTo>
                    <a:pt x="6833" y="7902"/>
                    <a:pt x="7161" y="7795"/>
                    <a:pt x="7368" y="7577"/>
                  </a:cubicBezTo>
                  <a:cubicBezTo>
                    <a:pt x="8527" y="6365"/>
                    <a:pt x="9768" y="5274"/>
                    <a:pt x="11101" y="4300"/>
                  </a:cubicBezTo>
                  <a:lnTo>
                    <a:pt x="11101" y="4300"/>
                  </a:lnTo>
                  <a:cubicBezTo>
                    <a:pt x="10795" y="4886"/>
                    <a:pt x="10513" y="5481"/>
                    <a:pt x="10249" y="6098"/>
                  </a:cubicBezTo>
                  <a:cubicBezTo>
                    <a:pt x="9946" y="6804"/>
                    <a:pt x="10616" y="7085"/>
                    <a:pt x="11276" y="7085"/>
                  </a:cubicBezTo>
                  <a:cubicBezTo>
                    <a:pt x="11654" y="7085"/>
                    <a:pt x="12028" y="6996"/>
                    <a:pt x="12221" y="6840"/>
                  </a:cubicBezTo>
                  <a:cubicBezTo>
                    <a:pt x="14050" y="5374"/>
                    <a:pt x="16029" y="4126"/>
                    <a:pt x="18126" y="3113"/>
                  </a:cubicBezTo>
                  <a:cubicBezTo>
                    <a:pt x="18097" y="2971"/>
                    <a:pt x="18055" y="2867"/>
                    <a:pt x="17987" y="2828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0" name="Google Shape;2301;p54"/>
            <p:cNvSpPr/>
            <p:nvPr/>
          </p:nvSpPr>
          <p:spPr>
            <a:xfrm>
              <a:off x="1980627" y="3951650"/>
              <a:ext cx="18078" cy="8744"/>
            </a:xfrm>
            <a:custGeom>
              <a:avLst/>
              <a:gdLst/>
              <a:ahLst/>
              <a:cxnLst/>
              <a:rect l="l" t="t" r="r" b="b"/>
              <a:pathLst>
                <a:path w="643" h="311" extrusionOk="0">
                  <a:moveTo>
                    <a:pt x="643" y="1"/>
                  </a:moveTo>
                  <a:lnTo>
                    <a:pt x="643" y="1"/>
                  </a:lnTo>
                  <a:cubicBezTo>
                    <a:pt x="429" y="103"/>
                    <a:pt x="215" y="207"/>
                    <a:pt x="1" y="311"/>
                  </a:cubicBezTo>
                  <a:cubicBezTo>
                    <a:pt x="204" y="236"/>
                    <a:pt x="404" y="157"/>
                    <a:pt x="607" y="79"/>
                  </a:cubicBezTo>
                  <a:cubicBezTo>
                    <a:pt x="618" y="54"/>
                    <a:pt x="632" y="26"/>
                    <a:pt x="643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1" name="Google Shape;2302;p54"/>
            <p:cNvSpPr/>
            <p:nvPr/>
          </p:nvSpPr>
          <p:spPr>
            <a:xfrm>
              <a:off x="1885292" y="3907623"/>
              <a:ext cx="151905" cy="70119"/>
            </a:xfrm>
            <a:custGeom>
              <a:avLst/>
              <a:gdLst/>
              <a:ahLst/>
              <a:cxnLst/>
              <a:rect l="l" t="t" r="r" b="b"/>
              <a:pathLst>
                <a:path w="5403" h="2494" extrusionOk="0">
                  <a:moveTo>
                    <a:pt x="5021" y="1"/>
                  </a:moveTo>
                  <a:cubicBezTo>
                    <a:pt x="4732" y="1"/>
                    <a:pt x="4444" y="55"/>
                    <a:pt x="4223" y="150"/>
                  </a:cubicBezTo>
                  <a:cubicBezTo>
                    <a:pt x="2985" y="693"/>
                    <a:pt x="1730" y="1177"/>
                    <a:pt x="453" y="1605"/>
                  </a:cubicBezTo>
                  <a:cubicBezTo>
                    <a:pt x="0" y="1759"/>
                    <a:pt x="89" y="2130"/>
                    <a:pt x="443" y="2322"/>
                  </a:cubicBezTo>
                  <a:cubicBezTo>
                    <a:pt x="667" y="2444"/>
                    <a:pt x="935" y="2494"/>
                    <a:pt x="1206" y="2494"/>
                  </a:cubicBezTo>
                  <a:cubicBezTo>
                    <a:pt x="1501" y="2494"/>
                    <a:pt x="1805" y="2433"/>
                    <a:pt x="2058" y="2347"/>
                  </a:cubicBezTo>
                  <a:cubicBezTo>
                    <a:pt x="2504" y="2197"/>
                    <a:pt x="2949" y="2041"/>
                    <a:pt x="3392" y="1877"/>
                  </a:cubicBezTo>
                  <a:cubicBezTo>
                    <a:pt x="3606" y="1773"/>
                    <a:pt x="3820" y="1669"/>
                    <a:pt x="4034" y="1567"/>
                  </a:cubicBezTo>
                  <a:lnTo>
                    <a:pt x="4034" y="1567"/>
                  </a:lnTo>
                  <a:cubicBezTo>
                    <a:pt x="4023" y="1592"/>
                    <a:pt x="4009" y="1620"/>
                    <a:pt x="3998" y="1645"/>
                  </a:cubicBezTo>
                  <a:cubicBezTo>
                    <a:pt x="4012" y="1641"/>
                    <a:pt x="4023" y="1638"/>
                    <a:pt x="4037" y="1631"/>
                  </a:cubicBezTo>
                  <a:cubicBezTo>
                    <a:pt x="4261" y="1260"/>
                    <a:pt x="4518" y="903"/>
                    <a:pt x="4804" y="553"/>
                  </a:cubicBezTo>
                  <a:cubicBezTo>
                    <a:pt x="4939" y="390"/>
                    <a:pt x="5156" y="190"/>
                    <a:pt x="5403" y="33"/>
                  </a:cubicBezTo>
                  <a:cubicBezTo>
                    <a:pt x="5278" y="12"/>
                    <a:pt x="5150" y="1"/>
                    <a:pt x="5021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2" name="Google Shape;2303;p54"/>
            <p:cNvSpPr/>
            <p:nvPr/>
          </p:nvSpPr>
          <p:spPr>
            <a:xfrm>
              <a:off x="1965080" y="3928906"/>
              <a:ext cx="381802" cy="117689"/>
            </a:xfrm>
            <a:custGeom>
              <a:avLst/>
              <a:gdLst/>
              <a:ahLst/>
              <a:cxnLst/>
              <a:rect l="l" t="t" r="r" b="b"/>
              <a:pathLst>
                <a:path w="13580" h="4186" extrusionOk="0">
                  <a:moveTo>
                    <a:pt x="13580" y="0"/>
                  </a:moveTo>
                  <a:lnTo>
                    <a:pt x="13580" y="0"/>
                  </a:lnTo>
                  <a:cubicBezTo>
                    <a:pt x="13333" y="111"/>
                    <a:pt x="13091" y="224"/>
                    <a:pt x="12845" y="342"/>
                  </a:cubicBezTo>
                  <a:cubicBezTo>
                    <a:pt x="12898" y="613"/>
                    <a:pt x="12895" y="1031"/>
                    <a:pt x="12869" y="1434"/>
                  </a:cubicBezTo>
                  <a:cubicBezTo>
                    <a:pt x="13109" y="955"/>
                    <a:pt x="13344" y="478"/>
                    <a:pt x="13580" y="0"/>
                  </a:cubicBezTo>
                  <a:close/>
                  <a:moveTo>
                    <a:pt x="1078" y="1080"/>
                  </a:moveTo>
                  <a:lnTo>
                    <a:pt x="1078" y="1080"/>
                  </a:lnTo>
                  <a:cubicBezTo>
                    <a:pt x="579" y="1954"/>
                    <a:pt x="236" y="2892"/>
                    <a:pt x="29" y="3922"/>
                  </a:cubicBezTo>
                  <a:cubicBezTo>
                    <a:pt x="1" y="4051"/>
                    <a:pt x="29" y="4136"/>
                    <a:pt x="97" y="4186"/>
                  </a:cubicBezTo>
                  <a:cubicBezTo>
                    <a:pt x="101" y="4147"/>
                    <a:pt x="108" y="4108"/>
                    <a:pt x="115" y="4065"/>
                  </a:cubicBezTo>
                  <a:cubicBezTo>
                    <a:pt x="347" y="3030"/>
                    <a:pt x="668" y="2036"/>
                    <a:pt x="1078" y="108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3" name="Google Shape;2304;p54"/>
            <p:cNvSpPr/>
            <p:nvPr/>
          </p:nvSpPr>
          <p:spPr>
            <a:xfrm>
              <a:off x="1967779" y="3881674"/>
              <a:ext cx="529574" cy="166722"/>
            </a:xfrm>
            <a:custGeom>
              <a:avLst/>
              <a:gdLst/>
              <a:ahLst/>
              <a:cxnLst/>
              <a:rect l="l" t="t" r="r" b="b"/>
              <a:pathLst>
                <a:path w="18836" h="5930" extrusionOk="0">
                  <a:moveTo>
                    <a:pt x="8655" y="0"/>
                  </a:moveTo>
                  <a:cubicBezTo>
                    <a:pt x="8352" y="0"/>
                    <a:pt x="8002" y="79"/>
                    <a:pt x="7846" y="165"/>
                  </a:cubicBezTo>
                  <a:cubicBezTo>
                    <a:pt x="5974" y="1192"/>
                    <a:pt x="4159" y="2307"/>
                    <a:pt x="2397" y="3509"/>
                  </a:cubicBezTo>
                  <a:cubicBezTo>
                    <a:pt x="2697" y="2750"/>
                    <a:pt x="3114" y="2062"/>
                    <a:pt x="3664" y="1399"/>
                  </a:cubicBezTo>
                  <a:cubicBezTo>
                    <a:pt x="3998" y="988"/>
                    <a:pt x="3677" y="774"/>
                    <a:pt x="3292" y="714"/>
                  </a:cubicBezTo>
                  <a:cubicBezTo>
                    <a:pt x="3257" y="706"/>
                    <a:pt x="3221" y="703"/>
                    <a:pt x="3185" y="703"/>
                  </a:cubicBezTo>
                  <a:cubicBezTo>
                    <a:pt x="2953" y="703"/>
                    <a:pt x="2697" y="810"/>
                    <a:pt x="2469" y="956"/>
                  </a:cubicBezTo>
                  <a:cubicBezTo>
                    <a:pt x="2629" y="984"/>
                    <a:pt x="2779" y="1031"/>
                    <a:pt x="2904" y="1103"/>
                  </a:cubicBezTo>
                  <a:cubicBezTo>
                    <a:pt x="3285" y="1305"/>
                    <a:pt x="3317" y="1630"/>
                    <a:pt x="2893" y="1815"/>
                  </a:cubicBezTo>
                  <a:cubicBezTo>
                    <a:pt x="2301" y="2076"/>
                    <a:pt x="1706" y="2322"/>
                    <a:pt x="1103" y="2554"/>
                  </a:cubicBezTo>
                  <a:cubicBezTo>
                    <a:pt x="1060" y="2622"/>
                    <a:pt x="1021" y="2693"/>
                    <a:pt x="982" y="2760"/>
                  </a:cubicBezTo>
                  <a:cubicBezTo>
                    <a:pt x="572" y="3716"/>
                    <a:pt x="251" y="4710"/>
                    <a:pt x="19" y="5745"/>
                  </a:cubicBezTo>
                  <a:cubicBezTo>
                    <a:pt x="12" y="5788"/>
                    <a:pt x="5" y="5827"/>
                    <a:pt x="1" y="5866"/>
                  </a:cubicBezTo>
                  <a:cubicBezTo>
                    <a:pt x="58" y="5913"/>
                    <a:pt x="144" y="5930"/>
                    <a:pt x="247" y="5930"/>
                  </a:cubicBezTo>
                  <a:cubicBezTo>
                    <a:pt x="675" y="5930"/>
                    <a:pt x="1385" y="5609"/>
                    <a:pt x="1492" y="5531"/>
                  </a:cubicBezTo>
                  <a:cubicBezTo>
                    <a:pt x="2971" y="4443"/>
                    <a:pt x="4490" y="3423"/>
                    <a:pt x="6056" y="2472"/>
                  </a:cubicBezTo>
                  <a:lnTo>
                    <a:pt x="6056" y="2472"/>
                  </a:lnTo>
                  <a:cubicBezTo>
                    <a:pt x="5739" y="3160"/>
                    <a:pt x="5525" y="3897"/>
                    <a:pt x="5414" y="4693"/>
                  </a:cubicBezTo>
                  <a:cubicBezTo>
                    <a:pt x="5379" y="4942"/>
                    <a:pt x="5546" y="5021"/>
                    <a:pt x="5774" y="5021"/>
                  </a:cubicBezTo>
                  <a:cubicBezTo>
                    <a:pt x="6127" y="5021"/>
                    <a:pt x="6616" y="4835"/>
                    <a:pt x="6712" y="4786"/>
                  </a:cubicBezTo>
                  <a:cubicBezTo>
                    <a:pt x="8185" y="4040"/>
                    <a:pt x="9654" y="3298"/>
                    <a:pt x="11126" y="2554"/>
                  </a:cubicBezTo>
                  <a:cubicBezTo>
                    <a:pt x="11294" y="2468"/>
                    <a:pt x="12538" y="1737"/>
                    <a:pt x="12610" y="1737"/>
                  </a:cubicBezTo>
                  <a:cubicBezTo>
                    <a:pt x="12678" y="1776"/>
                    <a:pt x="12720" y="1880"/>
                    <a:pt x="12749" y="2022"/>
                  </a:cubicBezTo>
                  <a:cubicBezTo>
                    <a:pt x="12995" y="1904"/>
                    <a:pt x="13237" y="1791"/>
                    <a:pt x="13484" y="1680"/>
                  </a:cubicBezTo>
                  <a:lnTo>
                    <a:pt x="13484" y="1680"/>
                  </a:lnTo>
                  <a:cubicBezTo>
                    <a:pt x="13248" y="2158"/>
                    <a:pt x="13013" y="2635"/>
                    <a:pt x="12773" y="3114"/>
                  </a:cubicBezTo>
                  <a:cubicBezTo>
                    <a:pt x="12745" y="3606"/>
                    <a:pt x="12688" y="4076"/>
                    <a:pt x="12674" y="4240"/>
                  </a:cubicBezTo>
                  <a:cubicBezTo>
                    <a:pt x="12649" y="4490"/>
                    <a:pt x="12831" y="4572"/>
                    <a:pt x="13066" y="4572"/>
                  </a:cubicBezTo>
                  <a:cubicBezTo>
                    <a:pt x="13408" y="4572"/>
                    <a:pt x="13865" y="4401"/>
                    <a:pt x="13976" y="4330"/>
                  </a:cubicBezTo>
                  <a:cubicBezTo>
                    <a:pt x="15498" y="3377"/>
                    <a:pt x="17070" y="2536"/>
                    <a:pt x="18707" y="1812"/>
                  </a:cubicBezTo>
                  <a:cubicBezTo>
                    <a:pt x="18772" y="1391"/>
                    <a:pt x="18811" y="974"/>
                    <a:pt x="18836" y="543"/>
                  </a:cubicBezTo>
                  <a:lnTo>
                    <a:pt x="18836" y="543"/>
                  </a:lnTo>
                  <a:cubicBezTo>
                    <a:pt x="17463" y="1138"/>
                    <a:pt x="16125" y="1801"/>
                    <a:pt x="14827" y="2539"/>
                  </a:cubicBezTo>
                  <a:cubicBezTo>
                    <a:pt x="14885" y="1423"/>
                    <a:pt x="14767" y="268"/>
                    <a:pt x="13722" y="268"/>
                  </a:cubicBezTo>
                  <a:cubicBezTo>
                    <a:pt x="13519" y="268"/>
                    <a:pt x="13283" y="311"/>
                    <a:pt x="13009" y="403"/>
                  </a:cubicBezTo>
                  <a:cubicBezTo>
                    <a:pt x="11198" y="1020"/>
                    <a:pt x="9414" y="2065"/>
                    <a:pt x="7678" y="3025"/>
                  </a:cubicBezTo>
                  <a:cubicBezTo>
                    <a:pt x="7928" y="2129"/>
                    <a:pt x="8363" y="1356"/>
                    <a:pt x="9001" y="610"/>
                  </a:cubicBezTo>
                  <a:cubicBezTo>
                    <a:pt x="9401" y="147"/>
                    <a:pt x="9072" y="0"/>
                    <a:pt x="8655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4" name="Google Shape;2305;p54"/>
            <p:cNvSpPr/>
            <p:nvPr/>
          </p:nvSpPr>
          <p:spPr>
            <a:xfrm>
              <a:off x="1998789" y="3908551"/>
              <a:ext cx="62247" cy="44928"/>
            </a:xfrm>
            <a:custGeom>
              <a:avLst/>
              <a:gdLst/>
              <a:ahLst/>
              <a:cxnLst/>
              <a:rect l="l" t="t" r="r" b="b"/>
              <a:pathLst>
                <a:path w="2214" h="1598" extrusionOk="0">
                  <a:moveTo>
                    <a:pt x="1366" y="0"/>
                  </a:moveTo>
                  <a:cubicBezTo>
                    <a:pt x="1119" y="157"/>
                    <a:pt x="902" y="357"/>
                    <a:pt x="767" y="520"/>
                  </a:cubicBezTo>
                  <a:cubicBezTo>
                    <a:pt x="481" y="870"/>
                    <a:pt x="224" y="1227"/>
                    <a:pt x="0" y="1598"/>
                  </a:cubicBezTo>
                  <a:cubicBezTo>
                    <a:pt x="603" y="1366"/>
                    <a:pt x="1198" y="1120"/>
                    <a:pt x="1790" y="859"/>
                  </a:cubicBezTo>
                  <a:cubicBezTo>
                    <a:pt x="2214" y="674"/>
                    <a:pt x="2182" y="349"/>
                    <a:pt x="1801" y="147"/>
                  </a:cubicBezTo>
                  <a:cubicBezTo>
                    <a:pt x="1676" y="75"/>
                    <a:pt x="1526" y="28"/>
                    <a:pt x="136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5" name="Google Shape;2306;p54"/>
            <p:cNvSpPr/>
            <p:nvPr/>
          </p:nvSpPr>
          <p:spPr>
            <a:xfrm>
              <a:off x="2486262" y="3887494"/>
              <a:ext cx="316153" cy="104785"/>
            </a:xfrm>
            <a:custGeom>
              <a:avLst/>
              <a:gdLst/>
              <a:ahLst/>
              <a:cxnLst/>
              <a:rect l="l" t="t" r="r" b="b"/>
              <a:pathLst>
                <a:path w="11245" h="3727" extrusionOk="0">
                  <a:moveTo>
                    <a:pt x="9404" y="0"/>
                  </a:moveTo>
                  <a:cubicBezTo>
                    <a:pt x="9536" y="172"/>
                    <a:pt x="9586" y="382"/>
                    <a:pt x="9483" y="624"/>
                  </a:cubicBezTo>
                  <a:cubicBezTo>
                    <a:pt x="9436" y="738"/>
                    <a:pt x="9386" y="853"/>
                    <a:pt x="9340" y="963"/>
                  </a:cubicBezTo>
                  <a:cubicBezTo>
                    <a:pt x="9604" y="878"/>
                    <a:pt x="9875" y="802"/>
                    <a:pt x="10150" y="738"/>
                  </a:cubicBezTo>
                  <a:cubicBezTo>
                    <a:pt x="10150" y="417"/>
                    <a:pt x="9793" y="143"/>
                    <a:pt x="9404" y="0"/>
                  </a:cubicBezTo>
                  <a:close/>
                  <a:moveTo>
                    <a:pt x="5364" y="688"/>
                  </a:moveTo>
                  <a:lnTo>
                    <a:pt x="5364" y="688"/>
                  </a:lnTo>
                  <a:cubicBezTo>
                    <a:pt x="4633" y="892"/>
                    <a:pt x="3906" y="1113"/>
                    <a:pt x="3185" y="1355"/>
                  </a:cubicBezTo>
                  <a:cubicBezTo>
                    <a:pt x="3111" y="1480"/>
                    <a:pt x="3043" y="1608"/>
                    <a:pt x="2971" y="1733"/>
                  </a:cubicBezTo>
                  <a:cubicBezTo>
                    <a:pt x="3766" y="1376"/>
                    <a:pt x="4562" y="1031"/>
                    <a:pt x="5364" y="688"/>
                  </a:cubicBezTo>
                  <a:close/>
                  <a:moveTo>
                    <a:pt x="511" y="1786"/>
                  </a:moveTo>
                  <a:cubicBezTo>
                    <a:pt x="412" y="1837"/>
                    <a:pt x="312" y="1883"/>
                    <a:pt x="211" y="1933"/>
                  </a:cubicBezTo>
                  <a:cubicBezTo>
                    <a:pt x="162" y="2219"/>
                    <a:pt x="98" y="2500"/>
                    <a:pt x="22" y="2785"/>
                  </a:cubicBezTo>
                  <a:cubicBezTo>
                    <a:pt x="12" y="2828"/>
                    <a:pt x="5" y="2871"/>
                    <a:pt x="1" y="2910"/>
                  </a:cubicBezTo>
                  <a:cubicBezTo>
                    <a:pt x="162" y="2528"/>
                    <a:pt x="333" y="2158"/>
                    <a:pt x="511" y="1786"/>
                  </a:cubicBezTo>
                  <a:close/>
                  <a:moveTo>
                    <a:pt x="11233" y="2397"/>
                  </a:moveTo>
                  <a:lnTo>
                    <a:pt x="11233" y="2397"/>
                  </a:lnTo>
                  <a:cubicBezTo>
                    <a:pt x="10103" y="2543"/>
                    <a:pt x="9034" y="2984"/>
                    <a:pt x="8085" y="3720"/>
                  </a:cubicBezTo>
                  <a:cubicBezTo>
                    <a:pt x="8082" y="3722"/>
                    <a:pt x="8080" y="3724"/>
                    <a:pt x="8078" y="3725"/>
                  </a:cubicBezTo>
                  <a:lnTo>
                    <a:pt x="8078" y="3725"/>
                  </a:lnTo>
                  <a:cubicBezTo>
                    <a:pt x="8929" y="3476"/>
                    <a:pt x="9779" y="3227"/>
                    <a:pt x="10634" y="2978"/>
                  </a:cubicBezTo>
                  <a:cubicBezTo>
                    <a:pt x="11076" y="2846"/>
                    <a:pt x="11244" y="2628"/>
                    <a:pt x="11233" y="2397"/>
                  </a:cubicBezTo>
                  <a:close/>
                  <a:moveTo>
                    <a:pt x="8078" y="3725"/>
                  </a:moveTo>
                  <a:cubicBezTo>
                    <a:pt x="8077" y="3726"/>
                    <a:pt x="8076" y="3726"/>
                    <a:pt x="8074" y="3726"/>
                  </a:cubicBezTo>
                  <a:cubicBezTo>
                    <a:pt x="8076" y="3726"/>
                    <a:pt x="8077" y="3726"/>
                    <a:pt x="8078" y="3725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6" name="Google Shape;2307;p54"/>
            <p:cNvSpPr/>
            <p:nvPr/>
          </p:nvSpPr>
          <p:spPr>
            <a:xfrm>
              <a:off x="2484266" y="3875376"/>
              <a:ext cx="317840" cy="121119"/>
            </a:xfrm>
            <a:custGeom>
              <a:avLst/>
              <a:gdLst/>
              <a:ahLst/>
              <a:cxnLst/>
              <a:rect l="l" t="t" r="r" b="b"/>
              <a:pathLst>
                <a:path w="11305" h="4308" extrusionOk="0">
                  <a:moveTo>
                    <a:pt x="1556" y="0"/>
                  </a:moveTo>
                  <a:cubicBezTo>
                    <a:pt x="1018" y="0"/>
                    <a:pt x="496" y="242"/>
                    <a:pt x="468" y="752"/>
                  </a:cubicBezTo>
                  <a:cubicBezTo>
                    <a:pt x="468" y="756"/>
                    <a:pt x="468" y="763"/>
                    <a:pt x="465" y="767"/>
                  </a:cubicBezTo>
                  <a:cubicBezTo>
                    <a:pt x="707" y="660"/>
                    <a:pt x="953" y="560"/>
                    <a:pt x="1196" y="456"/>
                  </a:cubicBezTo>
                  <a:cubicBezTo>
                    <a:pt x="1438" y="356"/>
                    <a:pt x="1623" y="313"/>
                    <a:pt x="1762" y="313"/>
                  </a:cubicBezTo>
                  <a:cubicBezTo>
                    <a:pt x="2447" y="313"/>
                    <a:pt x="1969" y="1348"/>
                    <a:pt x="1163" y="1679"/>
                  </a:cubicBezTo>
                  <a:cubicBezTo>
                    <a:pt x="885" y="1794"/>
                    <a:pt x="611" y="1914"/>
                    <a:pt x="336" y="2036"/>
                  </a:cubicBezTo>
                  <a:cubicBezTo>
                    <a:pt x="318" y="2143"/>
                    <a:pt x="300" y="2253"/>
                    <a:pt x="282" y="2364"/>
                  </a:cubicBezTo>
                  <a:cubicBezTo>
                    <a:pt x="383" y="2314"/>
                    <a:pt x="483" y="2268"/>
                    <a:pt x="582" y="2217"/>
                  </a:cubicBezTo>
                  <a:lnTo>
                    <a:pt x="582" y="2217"/>
                  </a:lnTo>
                  <a:cubicBezTo>
                    <a:pt x="404" y="2589"/>
                    <a:pt x="233" y="2959"/>
                    <a:pt x="72" y="3341"/>
                  </a:cubicBezTo>
                  <a:cubicBezTo>
                    <a:pt x="1" y="3950"/>
                    <a:pt x="646" y="4307"/>
                    <a:pt x="1245" y="4307"/>
                  </a:cubicBezTo>
                  <a:cubicBezTo>
                    <a:pt x="1413" y="4307"/>
                    <a:pt x="1577" y="4279"/>
                    <a:pt x="1719" y="4218"/>
                  </a:cubicBezTo>
                  <a:cubicBezTo>
                    <a:pt x="3363" y="3540"/>
                    <a:pt x="5032" y="2970"/>
                    <a:pt x="6737" y="2517"/>
                  </a:cubicBezTo>
                  <a:lnTo>
                    <a:pt x="6737" y="2517"/>
                  </a:lnTo>
                  <a:cubicBezTo>
                    <a:pt x="6630" y="2727"/>
                    <a:pt x="6533" y="2949"/>
                    <a:pt x="6444" y="3177"/>
                  </a:cubicBezTo>
                  <a:cubicBezTo>
                    <a:pt x="6156" y="3919"/>
                    <a:pt x="6997" y="4233"/>
                    <a:pt x="7653" y="4233"/>
                  </a:cubicBezTo>
                  <a:cubicBezTo>
                    <a:pt x="7810" y="4233"/>
                    <a:pt x="7953" y="4215"/>
                    <a:pt x="8070" y="4182"/>
                  </a:cubicBezTo>
                  <a:cubicBezTo>
                    <a:pt x="8095" y="4175"/>
                    <a:pt x="8121" y="4169"/>
                    <a:pt x="8145" y="4157"/>
                  </a:cubicBezTo>
                  <a:cubicBezTo>
                    <a:pt x="8149" y="4157"/>
                    <a:pt x="8152" y="4154"/>
                    <a:pt x="8156" y="4151"/>
                  </a:cubicBezTo>
                  <a:cubicBezTo>
                    <a:pt x="9105" y="3415"/>
                    <a:pt x="10174" y="2974"/>
                    <a:pt x="11304" y="2828"/>
                  </a:cubicBezTo>
                  <a:cubicBezTo>
                    <a:pt x="11283" y="2389"/>
                    <a:pt x="10616" y="1908"/>
                    <a:pt x="9964" y="1908"/>
                  </a:cubicBezTo>
                  <a:cubicBezTo>
                    <a:pt x="9871" y="1908"/>
                    <a:pt x="9782" y="1914"/>
                    <a:pt x="9693" y="1936"/>
                  </a:cubicBezTo>
                  <a:cubicBezTo>
                    <a:pt x="9793" y="1822"/>
                    <a:pt x="9900" y="1708"/>
                    <a:pt x="10010" y="1597"/>
                  </a:cubicBezTo>
                  <a:cubicBezTo>
                    <a:pt x="10160" y="1451"/>
                    <a:pt x="10221" y="1305"/>
                    <a:pt x="10221" y="1169"/>
                  </a:cubicBezTo>
                  <a:lnTo>
                    <a:pt x="10221" y="1169"/>
                  </a:lnTo>
                  <a:cubicBezTo>
                    <a:pt x="9946" y="1233"/>
                    <a:pt x="9675" y="1309"/>
                    <a:pt x="9411" y="1394"/>
                  </a:cubicBezTo>
                  <a:cubicBezTo>
                    <a:pt x="9457" y="1284"/>
                    <a:pt x="9507" y="1169"/>
                    <a:pt x="9554" y="1055"/>
                  </a:cubicBezTo>
                  <a:cubicBezTo>
                    <a:pt x="9657" y="813"/>
                    <a:pt x="9607" y="603"/>
                    <a:pt x="9475" y="431"/>
                  </a:cubicBezTo>
                  <a:cubicBezTo>
                    <a:pt x="9293" y="367"/>
                    <a:pt x="9105" y="328"/>
                    <a:pt x="8940" y="328"/>
                  </a:cubicBezTo>
                  <a:cubicBezTo>
                    <a:pt x="8887" y="328"/>
                    <a:pt x="8833" y="331"/>
                    <a:pt x="8787" y="342"/>
                  </a:cubicBezTo>
                  <a:cubicBezTo>
                    <a:pt x="7657" y="556"/>
                    <a:pt x="6541" y="816"/>
                    <a:pt x="5435" y="1119"/>
                  </a:cubicBezTo>
                  <a:cubicBezTo>
                    <a:pt x="4633" y="1462"/>
                    <a:pt x="3837" y="1807"/>
                    <a:pt x="3042" y="2164"/>
                  </a:cubicBezTo>
                  <a:cubicBezTo>
                    <a:pt x="3114" y="2039"/>
                    <a:pt x="3182" y="1911"/>
                    <a:pt x="3256" y="1786"/>
                  </a:cubicBezTo>
                  <a:lnTo>
                    <a:pt x="3256" y="1786"/>
                  </a:lnTo>
                  <a:cubicBezTo>
                    <a:pt x="3050" y="1854"/>
                    <a:pt x="2843" y="1926"/>
                    <a:pt x="2636" y="2000"/>
                  </a:cubicBezTo>
                  <a:cubicBezTo>
                    <a:pt x="2690" y="1629"/>
                    <a:pt x="2729" y="1259"/>
                    <a:pt x="2751" y="877"/>
                  </a:cubicBezTo>
                  <a:cubicBezTo>
                    <a:pt x="2782" y="306"/>
                    <a:pt x="2158" y="0"/>
                    <a:pt x="155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7" name="Google Shape;2308;p54"/>
            <p:cNvSpPr/>
            <p:nvPr/>
          </p:nvSpPr>
          <p:spPr>
            <a:xfrm>
              <a:off x="2493712" y="3884176"/>
              <a:ext cx="59351" cy="48442"/>
            </a:xfrm>
            <a:custGeom>
              <a:avLst/>
              <a:gdLst/>
              <a:ahLst/>
              <a:cxnLst/>
              <a:rect l="l" t="t" r="r" b="b"/>
              <a:pathLst>
                <a:path w="2111" h="1723" extrusionOk="0">
                  <a:moveTo>
                    <a:pt x="1426" y="0"/>
                  </a:moveTo>
                  <a:cubicBezTo>
                    <a:pt x="1287" y="0"/>
                    <a:pt x="1102" y="43"/>
                    <a:pt x="860" y="143"/>
                  </a:cubicBezTo>
                  <a:cubicBezTo>
                    <a:pt x="617" y="247"/>
                    <a:pt x="371" y="347"/>
                    <a:pt x="129" y="454"/>
                  </a:cubicBezTo>
                  <a:cubicBezTo>
                    <a:pt x="104" y="885"/>
                    <a:pt x="65" y="1302"/>
                    <a:pt x="0" y="1723"/>
                  </a:cubicBezTo>
                  <a:cubicBezTo>
                    <a:pt x="275" y="1601"/>
                    <a:pt x="549" y="1481"/>
                    <a:pt x="827" y="1366"/>
                  </a:cubicBezTo>
                  <a:cubicBezTo>
                    <a:pt x="1633" y="1035"/>
                    <a:pt x="2111" y="0"/>
                    <a:pt x="142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  <p:sp>
        <p:nvSpPr>
          <p:cNvPr id="18" name="Google Shape;1050;p35"/>
          <p:cNvSpPr txBox="1">
            <a:spLocks/>
          </p:cNvSpPr>
          <p:nvPr/>
        </p:nvSpPr>
        <p:spPr>
          <a:xfrm>
            <a:off x="762000" y="3027022"/>
            <a:ext cx="4195067" cy="105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Comfortaa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/>
                <a:sym typeface="Comfortaa"/>
              </a:rPr>
              <a:t>Etkinlik yapıyoruz</a:t>
            </a:r>
          </a:p>
        </p:txBody>
      </p:sp>
      <p:sp>
        <p:nvSpPr>
          <p:cNvPr id="19" name="Google Shape;1051;p35"/>
          <p:cNvSpPr/>
          <p:nvPr/>
        </p:nvSpPr>
        <p:spPr>
          <a:xfrm>
            <a:off x="804681" y="4216977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0" name="Google Shape;1052;p35"/>
          <p:cNvSpPr/>
          <p:nvPr/>
        </p:nvSpPr>
        <p:spPr>
          <a:xfrm>
            <a:off x="721554" y="2564572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grpSp>
        <p:nvGrpSpPr>
          <p:cNvPr id="22" name="Grup 21"/>
          <p:cNvGrpSpPr/>
          <p:nvPr/>
        </p:nvGrpSpPr>
        <p:grpSpPr>
          <a:xfrm>
            <a:off x="5410200" y="1466850"/>
            <a:ext cx="5943600" cy="3448050"/>
            <a:chOff x="5410200" y="1466850"/>
            <a:chExt cx="5943600" cy="3448050"/>
          </a:xfrm>
        </p:grpSpPr>
        <p:pic>
          <p:nvPicPr>
            <p:cNvPr id="7" name="Google Shape;2287;p54"/>
            <p:cNvPicPr preferRelativeResize="0"/>
            <p:nvPr/>
          </p:nvPicPr>
          <p:blipFill rotWithShape="1">
            <a:blip r:embed="rId4">
              <a:alphaModFix/>
            </a:blip>
            <a:srcRect l="4395" r="4404"/>
            <a:stretch/>
          </p:blipFill>
          <p:spPr>
            <a:xfrm>
              <a:off x="5410200" y="1466850"/>
              <a:ext cx="5943600" cy="344805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</p:pic>
        <p:sp>
          <p:nvSpPr>
            <p:cNvPr id="21" name="Yuvarlatılmış Dikdörtgen 20">
              <a:hlinkClick r:id="rId5"/>
            </p:cNvPr>
            <p:cNvSpPr/>
            <p:nvPr/>
          </p:nvSpPr>
          <p:spPr>
            <a:xfrm>
              <a:off x="6385809" y="2383436"/>
              <a:ext cx="3972393" cy="1617064"/>
            </a:xfrm>
            <a:prstGeom prst="roundRect">
              <a:avLst>
                <a:gd name="adj" fmla="val 44477"/>
              </a:avLst>
            </a:prstGeom>
            <a:solidFill>
              <a:srgbClr val="F3F3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+mn-ea"/>
                  <a:cs typeface="+mn-cs"/>
                </a:rPr>
                <a:t>Etkinlik için tıklayınız</a:t>
              </a:r>
            </a:p>
          </p:txBody>
        </p:sp>
      </p:grpSp>
      <p:sp>
        <p:nvSpPr>
          <p:cNvPr id="23" name="Dikdörtgen 22"/>
          <p:cNvSpPr/>
          <p:nvPr/>
        </p:nvSpPr>
        <p:spPr>
          <a:xfrm>
            <a:off x="2350731" y="6084516"/>
            <a:ext cx="305731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  <a:hlinkClick r:id="rId6"/>
              </a:rPr>
              <a:t>www.dindersimateryal.com</a:t>
            </a: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</a:rPr>
              <a:t> 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18199803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00A4C1&quot;,&quot;opacity&quot;:1,&quot;type&quot;:&quot;SOLID&quot;},&quot;primaryButtonBackgroundHover&quot;:{&quot;color&quot;:&quot;#00869D&quot;,&quot;opacity&quot;:1,&quot;type&quot;:&quot;SOLID&quot;},&quot;primaryButtonBorder&quot;:{&quot;color&quot;:&quot;#00A4C1&quot;,&quot;opacity&quot;:1,&quot;type&quot;:&quot;SOLID&quot;},&quot;primaryButtonBorderHover&quot;:{&quot;color&quot;:&quot;#00869D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FFFFF&quot;,&quot;opacity&quot;:1,&quot;type&quot;:&quot;SOLID&quot;},&quot;secondaryButtonBackgroundHover&quot;:{&quot;color&quot;:&quot;#E5E5E5&quot;,&quot;opacity&quot;:1,&quot;type&quot;:&quot;SOLID&quot;},&quot;secondaryButtonBorder&quot;:{&quot;color&quot;:&quot;#FFFFFF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false,&quot;showSlideNumbers&quot;:true,&quot;showSlideOnlyButton&quot;:true,&quot;showTimer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outline&quot;],&quot;buttonsAtLeft&quot;:false,&quot;courseTitleVisible&quot;:true,&quot;showLogo&quot;:tru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Sonraki&quot;,&quot;PB_ACCESSIBLE_NAVIGATION_PREV_BUTTON&quot;:&quot;Önceki 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ökoman&quot;,&quot;PB_ATTACHMENT_FILE_SUBTITLE&quot;:&quot;Dosya&quot;,&quot;PB_ATTACHMENT_IMAGE_SUBTITLE&quot;:&quot;Resim&quot;,&quot;PB_ATTACHMENT_LINK_SUBTITLE&quot;:&quot;https:\/\/www.dindersimateryal.com\/&quot;,&quot;PB_ATTACHMENT_VIDEO_SUBTITLE&quot;:&quot;Video&quot;,&quot;PB_BACK_TO_APP_BUTTON_LABEL&quot;:&quot;Geri&quot;,&quot;PB_CC_MENU_OFF&quot;:&quot;Off&quot;,&quot;PB_CC_MENU_ON&quot;:&quot;On&quot;,&quot;PB_CC_MENU_TITLE&quot;:&quot;Notes&quot;,&quot;PB_CONTROL_PANEL_CLOSED_CAPTIONS&quot;:&quot;PB_CONTROL_PANEL_CLOSED_CAPTIONS&quot;,&quot;PB_CONTROL_PANEL_EXIT_FULL_SCREEN&quot;:&quot;Tam ekrandan çık&quot;,&quot;PB_CONTROL_PANEL_FULL_SCREEN&quot;:&quot;Tam ekran&quot;,&quot;PB_CONTROL_PANEL_NEXT&quot;:&quot;SONRAKİ&quot;,&quot;PB_CONTROL_PANEL_OUTLINE&quot;:&quot;OUTLINE&quot;,&quot;PB_CONTROL_PANEL_PREV&quot;:&quot;ÖNCEKİ&quot;,&quot;PB_CONTROL_PANEL_REPLAY&quot;:&quot;Tekrarlama&quot;,&quot;PB_CONTROL_PANEL_SLIDE_COUNTER&quot;:&quot;%SLIDE_NUMBER%\/%TOTAL_SLIDES%&quot;,&quot;PB_CONTROL_PANEL_SUBTITLES&quot;:&quot;PB_CONTROL_PANEL_SUBTITLES&quot;,&quot;PB_CONTROL_PANEL_VOLUME_CONTROL&quot;:&quot;Ses seviyesi&quot;,&quot;PB_CURRENT_SLIDE_IS_NOT_COMPLETED&quot;:&quot;Devam etmek için slaydın tamamını görüntülemeniz gerekiyor&quot;,&quot;PB_DOMAIN_RESTRICTION&quot;:&quot;Üzgünüz, yazar bu alandaki sunumun görüntülenmesini devre dışı bırakt&quot;,&quot;PB_DRAWING_TOOLS_END_DRAWING&quot;:&quot;Çizimi sonlandır&quot;,&quot;PB_DRAWING_TOOLS_ERASER&quot;:&quot;Silgi&quot;,&quot;PB_DRAWING_TOOLS_ERASE_ALL&quot;:&quot;Tümünü Sil&quot;,&quot;PB_DRAWING_TOOLS_HIGHLIGHTER&quot;:&quot;İşaretleyici&quot;,&quot;PB_DRAWING_TOOLS_PEN&quot;:&quot;Kalem&quot;,&quot;PB_ENTER_PASSWORD&quot;:&quot;Sunuyu görüntülemek için şifre girin&quot;,&quot;PB_INCORRECT_PASSWORD&quot;:&quot;Şire yanlış&quot;,&quot;PB_INTERACTION_SLIDE_WINDOW_TEXT&quot;:&quot;Bu slayttan ayrılmadan önce etkileşimi tamamlamanız gerekmektedir.&quot;,&quot;PB_MESSAGE_BOX_NO&quot;:&quot;HAYIR&quot;,&quot;PB_MESSAGE_BOX_OK&quot;:&quot;Tamam&quot;,&quot;PB_MESSAGE_BOX_YES&quot;:&quot;EVET&quot;,&quot;PB_NAVIGATION_IS_RESTRICTED&quot;:&quot;Yalnızca daha önce görüntülenen slaytlara erişebilirsiniz.&quot;,&quot;PB_NAVIGATION_IS_SEQUENTIAL&quot;:&quot;Slaytları verilen sırayla görüntülemeniz gerekir.&quot;,&quot;PB_PLAYBACK_RATE_MENU_CAPTION&quot;:&quot;Speed&quot;,&quot;PB_PRECEDING_QUIZ_FAILED_WINDOW_TEXT&quot;:&quot;%SLIDE_INDEX% slaytındaki sınavı geçemediğiniz için ilerleyemezsiniz.&quot;,&quot;PB_PRECEDING_QUIZ_NOT_COMPLETED_WINDOW_TEXT&quot;:&quot;İlerlemek için %SLIDE_INDEX% slaytındaki testi denemelisiniz.&quot;,&quot;PB_PRECEDING_QUIZ_NOT_PASSED_WINDOW_TEXT&quot;:&quot;İlerlemek için %SLIDE_INDEX% slaytındaki testi geçmelisiniz.&quot;,&quot;PB_PRECEDING_SCENARIO_FAILED_WINDOW_TEXT&quot;:&quot;%SLIDEINDEX% slaytındaki simülasyonu geçemediğiniz için ilerleyemezsiniz.&quot;,&quot;PB_PRECEDING_SCENARIO_NOT_COMPLETED_WINDOW_TEXT&quot;:&quot;İlerlemek için %SLIDE_INDEX% slaytındaki simülasyonu denemelisiniz.&quot;,&quot;PB_PRECEDING_SCENARIO_NOT_PASSED_WINDOW_TEXT&quot;:&quot;İlerlemek için %SLIDE_INDEX% slaytındaki simülasyonu geçmelisiniz.&quot;,&quot;PB_PRESENTER_COLLAPSE_BIO&quot;:&quot;Daha faz göster&quot;,&quot;PB_PRESENTER_EMAIL&quot;:&quot;Email&quot;,&quot;PB_PRESENTER_EXPAND_BIO&quot;:&quot;Daha fazla göster&quot;,&quot;PB_PRESENTER_NO_INFO&quot;:&quot;Sunucu Bilgisi Yok&quot;,&quot;PB_PRESENTER_WEBSITE&quot;:&quot;https:\/\/www.dindersimateryal.com\/&quot;,&quot;PB_QUIZ_SLIDE_WINDOW_TEXT&quot;:&quot;Bu slayttan ayrılmadan önce testi tamamlamanız gerekmektedir.&quot;,&quot;PB_RATE_MENU_CAPTION&quot;:&quot;Hız&quot;,&quot;PB_RATE_MENU_DEFAULT_RATE&quot;:&quot;Normal&quot;,&quot;PB_RESUME_PRESENTATION_WINDOW_TEXT&quot;:&quot;Sunuyu son görüntülenen slayttan devam ettirmek ister misiniz?&quot;,&quot;PB_SCENARIO_SLIDE_WINDOW_TEXT&quot;:&quot;Bu slayttan ayrılmadan önce simülasyonu tamamlamanız gerekmektedir.&quot;,&quot;PB_SEARCH_CANCEL&quot;:&quot;İptal&quot;,&quot;PB_SEARCH_NO_RESULTS_LABEL&quot;:&quot;Hiçbir sonuç bulunamadı&quot;,&quot;PB_SEARCH_PANEL_DEFAULT_TEXT&quot;:&quot;Ara&quot;,&quot;PB_SEARCH_RESULTS_LABEL&quot;:&quot;ARARMA SONUÇLARI&quot;,&quot;PB_SEARCH_RESULT_IN_NOTES&quot;:&quot;Notlarda ara&quot;,&quot;PB_SEARCH_RESULT_IN_TEXT_LABEL&quot;:&quot;[slayt metni&quot;,&quot;PB_SUBTITLES_MENU_CAPTION&quot;:&quot;Subtitles&quot;,&quot;PB_SUBTITLES_OFF&quot;:&quot;Off&quot;,&quot;PB_TAB_NOTES_LABEL&quot;:&quot;Notlar&quot;,&quot;PB_TAB_OUTLINE_LABEL&quot;:&quot;İÇİNDEKİLER&quot;,&quot;PB_TIME_RESTRICTION&quot;:&quot;Üzgünüz, yazar şu anda sunumu görüntülemeyi devre dışı bıraktı.&quot;,&quot;PB_TITLE_PANEL_ATTACHMENTS&quot;:&quot;www.dindersimateryal.com&quot;,&quot;PB_TITLE_PANEL_MARKER_TOOLS&quot;:&quot;Kalem\/İşaretleyici&quot;,&quot;PB_TITLE_PANEL_NOTES&quot;:&quot;Notlar&quot;,&quot;PB_TITLE_PANEL_OUTLINE&quot;:&quot;İçindekiler&quot;,&quot;PB_TITLE_PANEL_PRESENTER_INFO&quot;:&quot;Sunucu Bilgisi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COURSE_TITLE&quot;,&quot;DT_REFERENCE_URL&quot;,&quot;DT_REFERENCE_TITLE&quot;,&quot;DT_SLIDE_TITLE&quot;,&quot;DT_SLIDE_NOTES_TEXT&quot;,&quot;DT_SLIDE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fullscreen,volumeControl,slideNumber,goToPrev,goToNext&quot;,&quot;playerLayoutHeader&quot;:&quot;resources,markerTools,outline,title,logo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Cyan&quot;,&quot;playerThemeFont&quot;:&quot;Arial&quot;}}}"/>
  <p:tag name="ISPRING-SUITE_ISPRING_CURRENT_PLAYER_ID" val="universal"/>
  <p:tag name="ISPRING_PRESENTATION_COURSE_TITLE" val="4.3.3._fatiha_suresi_ve_anlami"/>
  <p:tag name="ISPRING_LMS_API_VERSION" val="SCORM 2004 (4th edition)"/>
  <p:tag name="ISPRING_ULTRA_SCORM_COURSE_ID" val="ECA00B91-D02E-4CC8-8D88-0B43461A98D5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İSPRİNGCLOUDFOLDERID" val="1"/>
  <p:tag name="İSPRİNGONLİNEFOLDERID" val="1"/>
  <p:tag name="ISPRING_OUTPUT_FOLDER" val="[[&quot;W\uFFFD\uFFFD{B183E348-C202-44F7-B565-2C1AFCBC22E2}&quot;,&quot;C:\\Users\\Monster\\Desktop\\YENİ SUNULAR\\4.SINIF\\3.ÜNİ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4.3.3._fatiha_suresi_ve_anlami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FD6D9D-0B81-4138-B3A8-C12892F02EDD}:28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FC4E7B7-B37F-4FDD-91B3-3A1C3257FE83}:267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731336-BA2E-404A-A3AC-D12F8D1D74FF}:268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B18F9F1-8D14-4385-A9EC-B6455B46C5D2}:285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2C9D9E4-6593-42AC-820B-B2CC0D80C2C8}:283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GENSWF_SLIDE_UID" val="{CAF0FEAD-FD3B-488A-88D4-2AF3BD4567AF}:391"/>
  <p:tag name="AUDIO_ID" val="391"/>
  <p:tag name="ARTICULATE_USED_LAYOUT" val="7"/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320AA1F-A09F-4E39-8487-0CCCB8FD88AD}:25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1D875EC-345B-4666-A19D-BB6E701F42F1}:27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D8DB524-D40F-4058-B34D-627F344D6919}:27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CA67BAD-2526-498D-8B3B-95A64B80D25D}:28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D768BF-D366-48EA-888D-4388D74B8CC3}:28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043AE7-79A0-40FB-A8E9-2D43106279E5}:26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408E5FA-9148-4F6B-9B4E-AC6FA02B9848}:28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7F450F-6C94-4690-A77D-99E5AE082DF6}:264"/>
</p:tagLst>
</file>

<file path=ppt/theme/theme1.xml><?xml version="1.0" encoding="utf-8"?>
<a:theme xmlns:a="http://schemas.openxmlformats.org/drawingml/2006/main" name="1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0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11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2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4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5.xml><?xml version="1.0" encoding="utf-8"?>
<a:theme xmlns:a="http://schemas.openxmlformats.org/drawingml/2006/main" name="Contents Slide Master">
  <a:themeElements>
    <a:clrScheme name="ALLPPT-COLOR-A23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F8B2A3"/>
      </a:accent1>
      <a:accent2>
        <a:srgbClr val="A4B4EA"/>
      </a:accent2>
      <a:accent3>
        <a:srgbClr val="9AD3E9"/>
      </a:accent3>
      <a:accent4>
        <a:srgbClr val="98DFBB"/>
      </a:accent4>
      <a:accent5>
        <a:srgbClr val="CBCBCB"/>
      </a:accent5>
      <a:accent6>
        <a:srgbClr val="576868"/>
      </a:accent6>
      <a:hlink>
        <a:srgbClr val="3F3F3F"/>
      </a:hlink>
      <a:folHlink>
        <a:srgbClr val="3F3F3F"/>
      </a:folHlink>
    </a:clrScheme>
    <a:fontScheme name="ALLPPT FONT">
      <a:majorFont>
        <a:latin typeface="Arial"/>
        <a:ea typeface="Arial Unicode MS"/>
        <a:cs typeface=""/>
      </a:majorFont>
      <a:minorFont>
        <a:latin typeface="Arial"/>
        <a:ea typeface="Arial Unicode MS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9AD3E9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</a:theme>
</file>

<file path=ppt/theme/theme6.xml><?xml version="1.0" encoding="utf-8"?>
<a:theme xmlns:a="http://schemas.openxmlformats.org/drawingml/2006/main" name="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7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8.xml><?xml version="1.0" encoding="utf-8"?>
<a:theme xmlns:a="http://schemas.openxmlformats.org/drawingml/2006/main" name="SKETCH LESSON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FEB8B3"/>
      </a:accent1>
      <a:accent2>
        <a:srgbClr val="A6DFDA"/>
      </a:accent2>
      <a:accent3>
        <a:srgbClr val="FED58A"/>
      </a:accent3>
      <a:accent4>
        <a:srgbClr val="FF9991"/>
      </a:accent4>
      <a:accent5>
        <a:srgbClr val="8FE2DB"/>
      </a:accent5>
      <a:accent6>
        <a:srgbClr val="FFBF49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9.xml><?xml version="1.0" encoding="utf-8"?>
<a:theme xmlns:a="http://schemas.openxmlformats.org/drawingml/2006/main" name="1_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76</TotalTime>
  <Words>515</Words>
  <Application>Microsoft Office PowerPoint</Application>
  <PresentationFormat>Geniş ekran</PresentationFormat>
  <Paragraphs>147</Paragraphs>
  <Slides>14</Slides>
  <Notes>14</Notes>
  <HiddenSlides>0</HiddenSlides>
  <MMClips>0</MMClips>
  <ScaleCrop>false</ScaleCrop>
  <HeadingPairs>
    <vt:vector size="6" baseType="variant">
      <vt:variant>
        <vt:lpstr>Kullanılan Yazı Tipleri</vt:lpstr>
      </vt:variant>
      <vt:variant>
        <vt:i4>14</vt:i4>
      </vt:variant>
      <vt:variant>
        <vt:lpstr>Tema</vt:lpstr>
      </vt:variant>
      <vt:variant>
        <vt:i4>10</vt:i4>
      </vt:variant>
      <vt:variant>
        <vt:lpstr>Slayt Başlıkları</vt:lpstr>
      </vt:variant>
      <vt:variant>
        <vt:i4>14</vt:i4>
      </vt:variant>
    </vt:vector>
  </HeadingPairs>
  <TitlesOfParts>
    <vt:vector size="38" baseType="lpstr">
      <vt:lpstr>맑은 고딕</vt:lpstr>
      <vt:lpstr>Agency FB</vt:lpstr>
      <vt:lpstr>Aptos</vt:lpstr>
      <vt:lpstr>Arial</vt:lpstr>
      <vt:lpstr>Bahnschrift SemiCondensed</vt:lpstr>
      <vt:lpstr>Calibri</vt:lpstr>
      <vt:lpstr>Calibri Light</vt:lpstr>
      <vt:lpstr>Comfortaa</vt:lpstr>
      <vt:lpstr>Fira Sans</vt:lpstr>
      <vt:lpstr>Helvetica</vt:lpstr>
      <vt:lpstr>Open Sans</vt:lpstr>
      <vt:lpstr>Permanent Marker</vt:lpstr>
      <vt:lpstr>Rockwell Extra Bold</vt:lpstr>
      <vt:lpstr>Wingdings</vt:lpstr>
      <vt:lpstr>1_Office Teması</vt:lpstr>
      <vt:lpstr>Office Teması</vt:lpstr>
      <vt:lpstr>2_Office Teması</vt:lpstr>
      <vt:lpstr>4_Office Teması</vt:lpstr>
      <vt:lpstr>Contents Slide Master</vt:lpstr>
      <vt:lpstr>JAY DESIGN</vt:lpstr>
      <vt:lpstr>1_Office Theme</vt:lpstr>
      <vt:lpstr>SKETCH LESSON</vt:lpstr>
      <vt:lpstr>1_JAY DESIGN</vt:lpstr>
      <vt:lpstr>Office Theme</vt:lpstr>
      <vt:lpstr>PowerPoint Sunusu</vt:lpstr>
      <vt:lpstr>PowerPoint Sunusu</vt:lpstr>
      <vt:lpstr>PowerPoint Sunusu</vt:lpstr>
      <vt:lpstr>PowerPoint Sunusu</vt:lpstr>
      <vt:lpstr>PowerPoint Sunusu</vt:lpstr>
      <vt:lpstr>Fatiha Suresinin Okunuş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</vt:vector>
  </TitlesOfParts>
  <Company>NouS/TncTR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4.3.3._fatiha_suresi_ve_anlami</dc:title>
  <dc:creator>Mustafa Yıldırım</dc:creator>
  <cp:lastModifiedBy>Mustafa YILDIRIM</cp:lastModifiedBy>
  <cp:revision>39</cp:revision>
  <dcterms:created xsi:type="dcterms:W3CDTF">2020-02-11T08:47:23Z</dcterms:created>
  <dcterms:modified xsi:type="dcterms:W3CDTF">2024-12-24T18:40:46Z</dcterms:modified>
</cp:coreProperties>
</file>